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4.1.1\06_ホームページ等\02_確報\"/>
    </mc:Choice>
  </mc:AlternateContent>
  <bookViews>
    <workbookView xWindow="0" yWindow="1350" windowWidth="28770" windowHeight="7905"/>
  </bookViews>
  <sheets>
    <sheet name="Sheet1" sheetId="1" r:id="rId1"/>
  </sheets>
  <definedNames>
    <definedName name="_xlnm.Print_Area" localSheetId="0">Sheet1!$A$1:$O$6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75">
  <si>
    <t>　　　区分</t>
  </si>
  <si>
    <t xml:space="preserve"> 団体コード</t>
  </si>
  <si>
    <t>団体名</t>
  </si>
  <si>
    <t>横浜市</t>
  </si>
  <si>
    <t>鶴見区</t>
  </si>
  <si>
    <t>神奈川区</t>
  </si>
  <si>
    <t>西区</t>
  </si>
  <si>
    <t>中区</t>
  </si>
  <si>
    <t>南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人　　口　　(人)</t>
    <rPh sb="0" eb="1">
      <t>ヒト</t>
    </rPh>
    <rPh sb="3" eb="4">
      <t>クチ</t>
    </rPh>
    <rPh sb="7" eb="8">
      <t>ニン</t>
    </rPh>
    <phoneticPr fontId="3"/>
  </si>
  <si>
    <t>世　　帯　　数</t>
    <rPh sb="0" eb="1">
      <t>ヨ</t>
    </rPh>
    <rPh sb="3" eb="4">
      <t>オビ</t>
    </rPh>
    <rPh sb="6" eb="7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合計</t>
    <rPh sb="0" eb="2">
      <t>ゴウケイ</t>
    </rPh>
    <phoneticPr fontId="3"/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計</t>
    <rPh sb="0" eb="1">
      <t>ケイ</t>
    </rPh>
    <phoneticPr fontId="3"/>
  </si>
  <si>
    <t>複数国籍</t>
    <rPh sb="0" eb="2">
      <t>フクスウ</t>
    </rPh>
    <rPh sb="2" eb="4">
      <t>コクセキ</t>
    </rPh>
    <phoneticPr fontId="3"/>
  </si>
  <si>
    <t>神奈川県計</t>
    <phoneticPr fontId="4"/>
  </si>
  <si>
    <t xml:space="preserve"> 計</t>
    <rPh sb="1" eb="2">
      <t>ケイ</t>
    </rPh>
    <phoneticPr fontId="3"/>
  </si>
  <si>
    <t>保土ケ谷区</t>
    <phoneticPr fontId="2"/>
  </si>
  <si>
    <t>注）「複数国籍世帯」とは、日本人住民と外国人住民の混合世帯のことをいう。</t>
    <rPh sb="0" eb="1">
      <t>チュウ</t>
    </rPh>
    <rPh sb="3" eb="5">
      <t>フクスウ</t>
    </rPh>
    <rPh sb="5" eb="7">
      <t>コクセキ</t>
    </rPh>
    <rPh sb="7" eb="9">
      <t>セタイ</t>
    </rPh>
    <rPh sb="13" eb="16">
      <t>ニホンジン</t>
    </rPh>
    <rPh sb="16" eb="18">
      <t>ジュウミン</t>
    </rPh>
    <rPh sb="19" eb="21">
      <t>ガイコク</t>
    </rPh>
    <rPh sb="21" eb="22">
      <t>ジン</t>
    </rPh>
    <rPh sb="22" eb="24">
      <t>ジュウミン</t>
    </rPh>
    <rPh sb="25" eb="27">
      <t>コンゴウ</t>
    </rPh>
    <rPh sb="27" eb="29">
      <t>セタイ</t>
    </rPh>
    <phoneticPr fontId="2"/>
  </si>
  <si>
    <t>市町村別人口､世帯数(2022(令和４)年１月１日現在)</t>
    <rPh sb="16" eb="18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8"/>
      </right>
      <top style="thin">
        <color indexed="8"/>
      </top>
      <bottom/>
      <diagonal/>
    </border>
    <border>
      <left style="medium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/>
      <right style="dotted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/>
      <right style="dotted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/>
      <right style="dotted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dotted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/>
      <top style="hair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/>
      <diagonal/>
    </border>
    <border>
      <left style="thin">
        <color indexed="8"/>
      </left>
      <right style="medium">
        <color indexed="8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</cellStyleXfs>
  <cellXfs count="74">
    <xf numFmtId="0" fontId="0" fillId="0" borderId="0" xfId="0">
      <alignment vertical="center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7" fillId="0" borderId="0" xfId="0" applyFont="1" applyAlignment="1">
      <alignment vertical="center"/>
    </xf>
    <xf numFmtId="0" fontId="7" fillId="0" borderId="0" xfId="0" applyNumberFormat="1" applyFont="1" applyFill="1" applyBorder="1" applyAlignment="1" applyProtection="1">
      <alignment vertical="center"/>
    </xf>
    <xf numFmtId="0" fontId="7" fillId="0" borderId="0" xfId="0" applyFont="1" applyFill="1" applyBorder="1" applyAlignment="1" applyProtection="1">
      <alignment horizontal="center" vertical="center"/>
    </xf>
    <xf numFmtId="0" fontId="7" fillId="0" borderId="1" xfId="0" applyFont="1" applyFill="1" applyBorder="1" applyAlignment="1" applyProtection="1">
      <alignment horizontal="right" vertical="center"/>
    </xf>
    <xf numFmtId="0" fontId="7" fillId="0" borderId="2" xfId="0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/>
    </xf>
    <xf numFmtId="0" fontId="7" fillId="0" borderId="14" xfId="0" applyFont="1" applyFill="1" applyBorder="1" applyAlignment="1" applyProtection="1">
      <alignment horizontal="center" vertical="center"/>
    </xf>
    <xf numFmtId="0" fontId="7" fillId="0" borderId="15" xfId="0" applyFont="1" applyFill="1" applyBorder="1" applyAlignment="1" applyProtection="1">
      <alignment horizontal="center" vertical="center"/>
    </xf>
    <xf numFmtId="0" fontId="7" fillId="0" borderId="16" xfId="0" applyFont="1" applyFill="1" applyBorder="1" applyAlignment="1" applyProtection="1">
      <alignment vertical="center"/>
    </xf>
    <xf numFmtId="0" fontId="7" fillId="0" borderId="17" xfId="0" applyFont="1" applyBorder="1" applyAlignment="1" applyProtection="1">
      <alignment horizontal="center" vertical="center"/>
    </xf>
    <xf numFmtId="0" fontId="7" fillId="0" borderId="18" xfId="0" applyFont="1" applyBorder="1" applyAlignment="1" applyProtection="1">
      <alignment horizontal="center" vertical="center"/>
    </xf>
    <xf numFmtId="0" fontId="7" fillId="0" borderId="19" xfId="0" applyFont="1" applyFill="1" applyBorder="1" applyAlignment="1" applyProtection="1">
      <alignment horizontal="center" vertical="center"/>
    </xf>
    <xf numFmtId="0" fontId="7" fillId="0" borderId="20" xfId="0" applyFont="1" applyFill="1" applyBorder="1" applyAlignment="1" applyProtection="1">
      <alignment horizontal="center" vertical="center"/>
    </xf>
    <xf numFmtId="0" fontId="7" fillId="0" borderId="21" xfId="0" applyFont="1" applyFill="1" applyBorder="1" applyAlignment="1" applyProtection="1">
      <alignment horizontal="center" vertical="center"/>
    </xf>
    <xf numFmtId="0" fontId="7" fillId="0" borderId="22" xfId="0" applyFont="1" applyBorder="1" applyAlignment="1" applyProtection="1">
      <alignment horizontal="left" vertical="center"/>
    </xf>
    <xf numFmtId="0" fontId="7" fillId="0" borderId="23" xfId="0" applyFont="1" applyBorder="1" applyAlignment="1" applyProtection="1">
      <alignment horizontal="center" vertical="center"/>
    </xf>
    <xf numFmtId="38" fontId="7" fillId="0" borderId="24" xfId="1" applyFont="1" applyFill="1" applyBorder="1" applyAlignment="1" applyProtection="1">
      <alignment vertical="center"/>
    </xf>
    <xf numFmtId="38" fontId="7" fillId="0" borderId="11" xfId="1" applyFont="1" applyFill="1" applyBorder="1" applyAlignment="1" applyProtection="1">
      <alignment vertical="center"/>
    </xf>
    <xf numFmtId="38" fontId="7" fillId="0" borderId="10" xfId="1" applyFont="1" applyFill="1" applyBorder="1" applyAlignment="1" applyProtection="1">
      <alignment vertical="center"/>
    </xf>
    <xf numFmtId="38" fontId="7" fillId="0" borderId="46" xfId="1" applyFont="1" applyFill="1" applyBorder="1" applyAlignment="1" applyProtection="1">
      <alignment vertical="center"/>
    </xf>
    <xf numFmtId="0" fontId="7" fillId="0" borderId="25" xfId="0" applyFont="1" applyBorder="1" applyAlignment="1" applyProtection="1">
      <alignment horizontal="left" vertical="center"/>
    </xf>
    <xf numFmtId="0" fontId="7" fillId="0" borderId="26" xfId="0" applyFont="1" applyBorder="1" applyAlignment="1" applyProtection="1">
      <alignment horizontal="center" vertical="center"/>
    </xf>
    <xf numFmtId="38" fontId="7" fillId="0" borderId="27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vertical="center"/>
    </xf>
    <xf numFmtId="38" fontId="7" fillId="0" borderId="29" xfId="1" applyFont="1" applyFill="1" applyBorder="1" applyAlignment="1" applyProtection="1">
      <alignment vertical="center"/>
    </xf>
    <xf numFmtId="38" fontId="7" fillId="0" borderId="47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right" vertical="center"/>
    </xf>
    <xf numFmtId="0" fontId="7" fillId="0" borderId="31" xfId="0" applyFont="1" applyBorder="1" applyAlignment="1" applyProtection="1">
      <alignment horizontal="center" vertical="center"/>
    </xf>
    <xf numFmtId="38" fontId="7" fillId="0" borderId="33" xfId="2" applyFont="1" applyFill="1" applyBorder="1" applyAlignment="1" applyProtection="1">
      <alignment vertical="center"/>
      <protection locked="0"/>
    </xf>
    <xf numFmtId="38" fontId="7" fillId="0" borderId="34" xfId="2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>
      <alignment vertical="center"/>
    </xf>
    <xf numFmtId="38" fontId="7" fillId="0" borderId="34" xfId="1" applyFont="1" applyFill="1" applyBorder="1" applyAlignment="1" applyProtection="1">
      <alignment vertical="center"/>
    </xf>
    <xf numFmtId="38" fontId="7" fillId="0" borderId="32" xfId="1" applyFont="1" applyFill="1" applyBorder="1" applyAlignment="1" applyProtection="1">
      <alignment vertical="center"/>
    </xf>
    <xf numFmtId="38" fontId="7" fillId="0" borderId="32" xfId="2" applyFont="1" applyFill="1" applyBorder="1" applyAlignment="1" applyProtection="1">
      <alignment vertical="center"/>
      <protection locked="0"/>
    </xf>
    <xf numFmtId="38" fontId="7" fillId="0" borderId="36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left" vertical="center"/>
    </xf>
    <xf numFmtId="38" fontId="7" fillId="0" borderId="33" xfId="1" applyFont="1" applyFill="1" applyBorder="1" applyAlignment="1" applyProtection="1">
      <alignment vertical="center"/>
    </xf>
    <xf numFmtId="38" fontId="7" fillId="0" borderId="48" xfId="1" applyFont="1" applyFill="1" applyBorder="1" applyAlignment="1" applyProtection="1">
      <alignment vertical="center"/>
    </xf>
    <xf numFmtId="38" fontId="7" fillId="0" borderId="35" xfId="2" applyFont="1" applyFill="1" applyBorder="1" applyAlignment="1" applyProtection="1">
      <alignment vertical="center"/>
      <protection locked="0"/>
    </xf>
    <xf numFmtId="38" fontId="7" fillId="0" borderId="37" xfId="2" applyFont="1" applyFill="1" applyBorder="1" applyAlignment="1" applyProtection="1">
      <alignment vertical="center"/>
      <protection locked="0"/>
    </xf>
    <xf numFmtId="38" fontId="7" fillId="0" borderId="38" xfId="2" applyFont="1" applyFill="1" applyBorder="1" applyAlignment="1" applyProtection="1">
      <alignment vertical="center"/>
      <protection locked="0"/>
    </xf>
    <xf numFmtId="38" fontId="7" fillId="0" borderId="38" xfId="1" applyFont="1" applyFill="1" applyBorder="1" applyAlignment="1">
      <alignment vertical="center"/>
    </xf>
    <xf numFmtId="38" fontId="7" fillId="0" borderId="38" xfId="1" applyFont="1" applyFill="1" applyBorder="1" applyAlignment="1" applyProtection="1">
      <alignment vertical="center"/>
    </xf>
    <xf numFmtId="38" fontId="7" fillId="0" borderId="39" xfId="2" applyFont="1" applyFill="1" applyBorder="1" applyAlignment="1" applyProtection="1">
      <alignment vertical="center"/>
      <protection locked="0"/>
    </xf>
    <xf numFmtId="38" fontId="7" fillId="0" borderId="49" xfId="1" applyFont="1" applyFill="1" applyBorder="1" applyAlignment="1" applyProtection="1">
      <alignment vertical="center"/>
    </xf>
    <xf numFmtId="38" fontId="7" fillId="0" borderId="33" xfId="1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 applyProtection="1">
      <alignment vertical="center"/>
      <protection locked="0"/>
    </xf>
    <xf numFmtId="38" fontId="7" fillId="0" borderId="32" xfId="1" applyFont="1" applyFill="1" applyBorder="1" applyAlignment="1" applyProtection="1">
      <alignment vertical="center"/>
      <protection locked="0"/>
    </xf>
    <xf numFmtId="0" fontId="7" fillId="0" borderId="40" xfId="0" applyFont="1" applyBorder="1" applyAlignment="1" applyProtection="1">
      <alignment horizontal="left" vertical="center"/>
    </xf>
    <xf numFmtId="0" fontId="7" fillId="0" borderId="41" xfId="0" applyFont="1" applyBorder="1" applyAlignment="1" applyProtection="1">
      <alignment horizontal="center" vertical="center"/>
    </xf>
    <xf numFmtId="38" fontId="7" fillId="0" borderId="43" xfId="2" applyFont="1" applyFill="1" applyBorder="1" applyAlignment="1" applyProtection="1">
      <alignment vertical="center"/>
      <protection locked="0"/>
    </xf>
    <xf numFmtId="38" fontId="7" fillId="0" borderId="44" xfId="2" applyFont="1" applyFill="1" applyBorder="1" applyAlignment="1" applyProtection="1">
      <alignment vertical="center"/>
      <protection locked="0"/>
    </xf>
    <xf numFmtId="38" fontId="7" fillId="0" borderId="44" xfId="1" applyFont="1" applyFill="1" applyBorder="1" applyAlignment="1">
      <alignment vertical="center"/>
    </xf>
    <xf numFmtId="38" fontId="7" fillId="0" borderId="44" xfId="1" applyFont="1" applyFill="1" applyBorder="1" applyAlignment="1" applyProtection="1">
      <alignment vertical="center"/>
    </xf>
    <xf numFmtId="38" fontId="7" fillId="0" borderId="42" xfId="1" applyFont="1" applyFill="1" applyBorder="1" applyAlignment="1" applyProtection="1">
      <alignment vertical="center"/>
    </xf>
    <xf numFmtId="38" fontId="7" fillId="0" borderId="42" xfId="2" applyFont="1" applyFill="1" applyBorder="1" applyAlignment="1" applyProtection="1">
      <alignment vertical="center"/>
      <protection locked="0"/>
    </xf>
    <xf numFmtId="38" fontId="7" fillId="0" borderId="45" xfId="1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 wrapText="1"/>
    </xf>
    <xf numFmtId="0" fontId="0" fillId="0" borderId="16" xfId="0" applyFont="1" applyBorder="1" applyAlignment="1">
      <alignment vertical="center" wrapText="1"/>
    </xf>
    <xf numFmtId="0" fontId="7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7" fillId="0" borderId="5" xfId="0" applyFont="1" applyFill="1" applyBorder="1" applyAlignment="1" applyProtection="1">
      <alignment horizontal="center" vertical="center"/>
    </xf>
    <xf numFmtId="0" fontId="7" fillId="0" borderId="6" xfId="0" applyFont="1" applyFill="1" applyBorder="1" applyAlignment="1" applyProtection="1">
      <alignment horizontal="center" vertical="center"/>
    </xf>
    <xf numFmtId="0" fontId="7" fillId="0" borderId="7" xfId="0" applyFont="1" applyFill="1" applyBorder="1" applyAlignment="1" applyProtection="1">
      <alignment horizontal="center" vertical="center"/>
    </xf>
    <xf numFmtId="0" fontId="7" fillId="0" borderId="9" xfId="0" applyFont="1" applyFill="1" applyBorder="1" applyAlignment="1" applyProtection="1">
      <alignment horizontal="center" vertical="center"/>
    </xf>
    <xf numFmtId="0" fontId="7" fillId="0" borderId="10" xfId="0" applyFont="1" applyFill="1" applyBorder="1" applyAlignment="1" applyProtection="1">
      <alignment horizontal="center" vertical="center"/>
    </xf>
    <xf numFmtId="38" fontId="7" fillId="0" borderId="10" xfId="2" applyFont="1" applyFill="1" applyBorder="1" applyAlignment="1" applyProtection="1">
      <alignment horizontal="center" vertical="center"/>
    </xf>
    <xf numFmtId="38" fontId="7" fillId="0" borderId="11" xfId="2" applyFont="1" applyFill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</cellXfs>
  <cellStyles count="3">
    <cellStyle name="桁区切り" xfId="1" builtinId="6"/>
    <cellStyle name="桁区切り 2" xfId="2"/>
    <cellStyle name="標準" xfId="0" builtinId="0"/>
  </cellStyles>
  <dxfs count="75"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64D7FF"/>
        </patternFill>
      </fill>
    </dxf>
    <dxf>
      <fill>
        <patternFill>
          <bgColor rgb="FFFF6464"/>
        </patternFill>
      </fill>
    </dxf>
    <dxf>
      <fill>
        <patternFill>
          <bgColor rgb="FFFFC000"/>
        </patternFill>
      </fill>
    </dxf>
    <dxf>
      <fill>
        <patternFill>
          <bgColor theme="6" tint="0.59996337778862885"/>
        </patternFill>
      </fill>
    </dxf>
  </dxfs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804</xdr:colOff>
      <xdr:row>1</xdr:row>
      <xdr:rowOff>299357</xdr:rowOff>
    </xdr:from>
    <xdr:to>
      <xdr:col>0</xdr:col>
      <xdr:colOff>952500</xdr:colOff>
      <xdr:row>4</xdr:row>
      <xdr:rowOff>299357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6804" y="605518"/>
          <a:ext cx="945696" cy="918482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8"/>
  <sheetViews>
    <sheetView tabSelected="1" view="pageBreakPreview" zoomScaleNormal="100" zoomScaleSheetLayoutView="100" workbookViewId="0"/>
  </sheetViews>
  <sheetFormatPr defaultColWidth="9" defaultRowHeight="14.25" x14ac:dyDescent="0.15"/>
  <cols>
    <col min="1" max="1" width="11.625" style="3" customWidth="1"/>
    <col min="2" max="2" width="7.25" style="3" customWidth="1"/>
    <col min="3" max="4" width="10.625" style="3" customWidth="1"/>
    <col min="5" max="5" width="11.625" style="3" customWidth="1"/>
    <col min="6" max="7" width="10.625" style="3" customWidth="1"/>
    <col min="8" max="8" width="11.625" style="3" customWidth="1"/>
    <col min="9" max="10" width="10.625" style="3" customWidth="1"/>
    <col min="11" max="11" width="11.625" style="3" customWidth="1"/>
    <col min="12" max="14" width="10.625" style="3" customWidth="1"/>
    <col min="15" max="15" width="11.625" style="3" customWidth="1"/>
    <col min="16" max="16384" width="9" style="3"/>
  </cols>
  <sheetData>
    <row r="1" spans="1:15" ht="24" customHeight="1" x14ac:dyDescent="0.15">
      <c r="A1" s="1" t="s">
        <v>7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5" ht="24" customHeight="1" thickBo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4"/>
      <c r="O2" s="5"/>
    </row>
    <row r="3" spans="1:15" ht="24" customHeight="1" x14ac:dyDescent="0.15">
      <c r="A3" s="6" t="s">
        <v>0</v>
      </c>
      <c r="B3" s="7"/>
      <c r="C3" s="62" t="s">
        <v>61</v>
      </c>
      <c r="D3" s="63"/>
      <c r="E3" s="63"/>
      <c r="F3" s="63"/>
      <c r="G3" s="63"/>
      <c r="H3" s="63"/>
      <c r="I3" s="63"/>
      <c r="J3" s="63"/>
      <c r="K3" s="64"/>
      <c r="L3" s="65" t="s">
        <v>62</v>
      </c>
      <c r="M3" s="63"/>
      <c r="N3" s="63"/>
      <c r="O3" s="66"/>
    </row>
    <row r="4" spans="1:15" ht="24" customHeight="1" x14ac:dyDescent="0.15">
      <c r="A4" s="8"/>
      <c r="B4" s="60" t="s">
        <v>1</v>
      </c>
      <c r="C4" s="67" t="s">
        <v>63</v>
      </c>
      <c r="D4" s="68"/>
      <c r="E4" s="68"/>
      <c r="F4" s="69" t="s">
        <v>64</v>
      </c>
      <c r="G4" s="69"/>
      <c r="H4" s="70"/>
      <c r="I4" s="71" t="s">
        <v>65</v>
      </c>
      <c r="J4" s="72"/>
      <c r="K4" s="73"/>
      <c r="L4" s="9"/>
      <c r="M4" s="9"/>
      <c r="N4" s="9"/>
      <c r="O4" s="10"/>
    </row>
    <row r="5" spans="1:15" ht="24" customHeight="1" thickBot="1" x14ac:dyDescent="0.2">
      <c r="A5" s="11" t="s">
        <v>2</v>
      </c>
      <c r="B5" s="61"/>
      <c r="C5" s="12" t="s">
        <v>66</v>
      </c>
      <c r="D5" s="13" t="s">
        <v>67</v>
      </c>
      <c r="E5" s="13" t="s">
        <v>68</v>
      </c>
      <c r="F5" s="13" t="s">
        <v>66</v>
      </c>
      <c r="G5" s="13" t="s">
        <v>67</v>
      </c>
      <c r="H5" s="13" t="s">
        <v>68</v>
      </c>
      <c r="I5" s="13" t="s">
        <v>66</v>
      </c>
      <c r="J5" s="13" t="s">
        <v>67</v>
      </c>
      <c r="K5" s="14" t="s">
        <v>68</v>
      </c>
      <c r="L5" s="15" t="s">
        <v>66</v>
      </c>
      <c r="M5" s="15" t="s">
        <v>67</v>
      </c>
      <c r="N5" s="15" t="s">
        <v>69</v>
      </c>
      <c r="O5" s="16" t="s">
        <v>71</v>
      </c>
    </row>
    <row r="6" spans="1:15" ht="24" customHeight="1" thickTop="1" x14ac:dyDescent="0.15">
      <c r="A6" s="17" t="s">
        <v>70</v>
      </c>
      <c r="B6" s="18">
        <v>140007</v>
      </c>
      <c r="C6" s="19">
        <v>4481391</v>
      </c>
      <c r="D6" s="20">
        <v>108974</v>
      </c>
      <c r="E6" s="21">
        <v>4590365</v>
      </c>
      <c r="F6" s="21">
        <v>4511801</v>
      </c>
      <c r="G6" s="21">
        <v>113044</v>
      </c>
      <c r="H6" s="21">
        <v>4624845</v>
      </c>
      <c r="I6" s="21">
        <v>8993192</v>
      </c>
      <c r="J6" s="21">
        <v>222018</v>
      </c>
      <c r="K6" s="21">
        <v>9215210</v>
      </c>
      <c r="L6" s="21">
        <v>4311073</v>
      </c>
      <c r="M6" s="21">
        <v>109911</v>
      </c>
      <c r="N6" s="21">
        <v>47195</v>
      </c>
      <c r="O6" s="22">
        <v>4468179</v>
      </c>
    </row>
    <row r="7" spans="1:15" ht="24" customHeight="1" x14ac:dyDescent="0.15">
      <c r="A7" s="23" t="s">
        <v>3</v>
      </c>
      <c r="B7" s="24">
        <v>141003</v>
      </c>
      <c r="C7" s="25">
        <v>1813987</v>
      </c>
      <c r="D7" s="26">
        <v>48051</v>
      </c>
      <c r="E7" s="26">
        <v>1862038</v>
      </c>
      <c r="F7" s="26">
        <v>1842577</v>
      </c>
      <c r="G7" s="26">
        <v>51178</v>
      </c>
      <c r="H7" s="26">
        <v>1893755</v>
      </c>
      <c r="I7" s="26">
        <v>3656564</v>
      </c>
      <c r="J7" s="26">
        <v>99229</v>
      </c>
      <c r="K7" s="26">
        <v>3755793</v>
      </c>
      <c r="L7" s="26">
        <v>1766886</v>
      </c>
      <c r="M7" s="26">
        <v>47676</v>
      </c>
      <c r="N7" s="27">
        <v>20710</v>
      </c>
      <c r="O7" s="28">
        <v>1835272</v>
      </c>
    </row>
    <row r="8" spans="1:15" ht="24" customHeight="1" x14ac:dyDescent="0.15">
      <c r="A8" s="29" t="s">
        <v>4</v>
      </c>
      <c r="B8" s="30">
        <v>141011</v>
      </c>
      <c r="C8" s="31">
        <v>144992</v>
      </c>
      <c r="D8" s="32">
        <v>6614</v>
      </c>
      <c r="E8" s="33">
        <v>151606</v>
      </c>
      <c r="F8" s="32">
        <v>135641</v>
      </c>
      <c r="G8" s="32">
        <v>6781</v>
      </c>
      <c r="H8" s="33">
        <v>142422</v>
      </c>
      <c r="I8" s="34">
        <v>280633</v>
      </c>
      <c r="J8" s="34">
        <v>13395</v>
      </c>
      <c r="K8" s="35">
        <v>294028</v>
      </c>
      <c r="L8" s="32">
        <v>140541</v>
      </c>
      <c r="M8" s="32">
        <v>6577</v>
      </c>
      <c r="N8" s="36">
        <v>2214</v>
      </c>
      <c r="O8" s="37">
        <v>149332</v>
      </c>
    </row>
    <row r="9" spans="1:15" ht="24" customHeight="1" x14ac:dyDescent="0.15">
      <c r="A9" s="29" t="s">
        <v>5</v>
      </c>
      <c r="B9" s="30">
        <v>141020</v>
      </c>
      <c r="C9" s="31">
        <v>118369</v>
      </c>
      <c r="D9" s="32">
        <v>3541</v>
      </c>
      <c r="E9" s="33">
        <v>121910</v>
      </c>
      <c r="F9" s="32">
        <v>115982</v>
      </c>
      <c r="G9" s="32">
        <v>3584</v>
      </c>
      <c r="H9" s="33">
        <v>119566</v>
      </c>
      <c r="I9" s="34">
        <v>234351</v>
      </c>
      <c r="J9" s="34">
        <v>7125</v>
      </c>
      <c r="K9" s="35">
        <v>241476</v>
      </c>
      <c r="L9" s="32">
        <v>123984</v>
      </c>
      <c r="M9" s="32">
        <v>3887</v>
      </c>
      <c r="N9" s="36">
        <v>1250</v>
      </c>
      <c r="O9" s="37">
        <v>129121</v>
      </c>
    </row>
    <row r="10" spans="1:15" ht="24" customHeight="1" x14ac:dyDescent="0.15">
      <c r="A10" s="29" t="s">
        <v>6</v>
      </c>
      <c r="B10" s="30">
        <v>141038</v>
      </c>
      <c r="C10" s="31">
        <v>49438</v>
      </c>
      <c r="D10" s="32">
        <v>2217</v>
      </c>
      <c r="E10" s="33">
        <v>51655</v>
      </c>
      <c r="F10" s="32">
        <v>49400</v>
      </c>
      <c r="G10" s="32">
        <v>2224</v>
      </c>
      <c r="H10" s="33">
        <v>51624</v>
      </c>
      <c r="I10" s="34">
        <v>98838</v>
      </c>
      <c r="J10" s="34">
        <v>4441</v>
      </c>
      <c r="K10" s="35">
        <v>103279</v>
      </c>
      <c r="L10" s="32">
        <v>55307</v>
      </c>
      <c r="M10" s="32">
        <v>2536</v>
      </c>
      <c r="N10" s="36">
        <v>745</v>
      </c>
      <c r="O10" s="37">
        <v>58588</v>
      </c>
    </row>
    <row r="11" spans="1:15" ht="24" customHeight="1" x14ac:dyDescent="0.15">
      <c r="A11" s="29" t="s">
        <v>7</v>
      </c>
      <c r="B11" s="30">
        <v>141046</v>
      </c>
      <c r="C11" s="31">
        <v>71308</v>
      </c>
      <c r="D11" s="32">
        <v>7358</v>
      </c>
      <c r="E11" s="33">
        <v>78666</v>
      </c>
      <c r="F11" s="32">
        <v>65392</v>
      </c>
      <c r="G11" s="32">
        <v>8133</v>
      </c>
      <c r="H11" s="33">
        <v>73525</v>
      </c>
      <c r="I11" s="34">
        <v>136700</v>
      </c>
      <c r="J11" s="34">
        <v>15491</v>
      </c>
      <c r="K11" s="35">
        <v>152191</v>
      </c>
      <c r="L11" s="32">
        <v>77570</v>
      </c>
      <c r="M11" s="32">
        <v>7395</v>
      </c>
      <c r="N11" s="36">
        <v>2430</v>
      </c>
      <c r="O11" s="37">
        <v>87395</v>
      </c>
    </row>
    <row r="12" spans="1:15" ht="24" customHeight="1" x14ac:dyDescent="0.15">
      <c r="A12" s="29" t="s">
        <v>8</v>
      </c>
      <c r="B12" s="30">
        <v>141054</v>
      </c>
      <c r="C12" s="31">
        <v>94691</v>
      </c>
      <c r="D12" s="32">
        <v>4774</v>
      </c>
      <c r="E12" s="33">
        <v>99465</v>
      </c>
      <c r="F12" s="32">
        <v>93725</v>
      </c>
      <c r="G12" s="32">
        <v>5632</v>
      </c>
      <c r="H12" s="33">
        <v>99357</v>
      </c>
      <c r="I12" s="34">
        <v>188416</v>
      </c>
      <c r="J12" s="34">
        <v>10406</v>
      </c>
      <c r="K12" s="35">
        <v>198822</v>
      </c>
      <c r="L12" s="32">
        <v>103086</v>
      </c>
      <c r="M12" s="32">
        <v>4929</v>
      </c>
      <c r="N12" s="36">
        <v>2086</v>
      </c>
      <c r="O12" s="37">
        <v>110101</v>
      </c>
    </row>
    <row r="13" spans="1:15" ht="24" customHeight="1" x14ac:dyDescent="0.15">
      <c r="A13" s="29" t="s">
        <v>72</v>
      </c>
      <c r="B13" s="30">
        <v>141062</v>
      </c>
      <c r="C13" s="31">
        <v>98403</v>
      </c>
      <c r="D13" s="32">
        <v>2582</v>
      </c>
      <c r="E13" s="33">
        <v>100985</v>
      </c>
      <c r="F13" s="32">
        <v>100409</v>
      </c>
      <c r="G13" s="32">
        <v>2688</v>
      </c>
      <c r="H13" s="33">
        <v>103097</v>
      </c>
      <c r="I13" s="34">
        <v>198812</v>
      </c>
      <c r="J13" s="34">
        <v>5270</v>
      </c>
      <c r="K13" s="35">
        <v>204082</v>
      </c>
      <c r="L13" s="32">
        <v>99413</v>
      </c>
      <c r="M13" s="32">
        <v>2758</v>
      </c>
      <c r="N13" s="36">
        <v>986</v>
      </c>
      <c r="O13" s="37">
        <v>103157</v>
      </c>
    </row>
    <row r="14" spans="1:15" ht="24" customHeight="1" x14ac:dyDescent="0.15">
      <c r="A14" s="29" t="s">
        <v>9</v>
      </c>
      <c r="B14" s="30">
        <v>141071</v>
      </c>
      <c r="C14" s="31">
        <v>80103</v>
      </c>
      <c r="D14" s="32">
        <v>2323</v>
      </c>
      <c r="E14" s="33">
        <v>82426</v>
      </c>
      <c r="F14" s="32">
        <v>82307</v>
      </c>
      <c r="G14" s="32">
        <v>2672</v>
      </c>
      <c r="H14" s="33">
        <v>84979</v>
      </c>
      <c r="I14" s="34">
        <v>162410</v>
      </c>
      <c r="J14" s="34">
        <v>4995</v>
      </c>
      <c r="K14" s="35">
        <v>167405</v>
      </c>
      <c r="L14" s="32">
        <v>79617</v>
      </c>
      <c r="M14" s="32">
        <v>2060</v>
      </c>
      <c r="N14" s="36">
        <v>1102</v>
      </c>
      <c r="O14" s="37">
        <v>82779</v>
      </c>
    </row>
    <row r="15" spans="1:15" ht="24" customHeight="1" x14ac:dyDescent="0.15">
      <c r="A15" s="29" t="s">
        <v>10</v>
      </c>
      <c r="B15" s="30">
        <v>141089</v>
      </c>
      <c r="C15" s="31">
        <v>94660</v>
      </c>
      <c r="D15" s="32">
        <v>1574</v>
      </c>
      <c r="E15" s="33">
        <v>96234</v>
      </c>
      <c r="F15" s="32">
        <v>98521</v>
      </c>
      <c r="G15" s="32">
        <v>1708</v>
      </c>
      <c r="H15" s="33">
        <v>100229</v>
      </c>
      <c r="I15" s="34">
        <v>193181</v>
      </c>
      <c r="J15" s="34">
        <v>3282</v>
      </c>
      <c r="K15" s="35">
        <v>196463</v>
      </c>
      <c r="L15" s="32">
        <v>91481</v>
      </c>
      <c r="M15" s="32">
        <v>1607</v>
      </c>
      <c r="N15" s="32">
        <v>813</v>
      </c>
      <c r="O15" s="37">
        <v>93901</v>
      </c>
    </row>
    <row r="16" spans="1:15" ht="24" customHeight="1" x14ac:dyDescent="0.15">
      <c r="A16" s="29" t="s">
        <v>11</v>
      </c>
      <c r="B16" s="30">
        <v>141097</v>
      </c>
      <c r="C16" s="31">
        <v>171730</v>
      </c>
      <c r="D16" s="32">
        <v>3349</v>
      </c>
      <c r="E16" s="33">
        <v>175079</v>
      </c>
      <c r="F16" s="32">
        <v>173549</v>
      </c>
      <c r="G16" s="32">
        <v>3350</v>
      </c>
      <c r="H16" s="33">
        <v>176899</v>
      </c>
      <c r="I16" s="34">
        <v>345279</v>
      </c>
      <c r="J16" s="34">
        <v>6699</v>
      </c>
      <c r="K16" s="35">
        <v>351978</v>
      </c>
      <c r="L16" s="32">
        <v>170421</v>
      </c>
      <c r="M16" s="32">
        <v>3523</v>
      </c>
      <c r="N16" s="32">
        <v>1671</v>
      </c>
      <c r="O16" s="37">
        <v>175615</v>
      </c>
    </row>
    <row r="17" spans="1:15" ht="24" customHeight="1" x14ac:dyDescent="0.15">
      <c r="A17" s="29" t="s">
        <v>12</v>
      </c>
      <c r="B17" s="30">
        <v>141101</v>
      </c>
      <c r="C17" s="31">
        <v>136875</v>
      </c>
      <c r="D17" s="32">
        <v>2135</v>
      </c>
      <c r="E17" s="33">
        <v>139010</v>
      </c>
      <c r="F17" s="32">
        <v>141546</v>
      </c>
      <c r="G17" s="32">
        <v>2158</v>
      </c>
      <c r="H17" s="33">
        <v>143704</v>
      </c>
      <c r="I17" s="34">
        <v>278421</v>
      </c>
      <c r="J17" s="34">
        <v>4293</v>
      </c>
      <c r="K17" s="35">
        <v>282714</v>
      </c>
      <c r="L17" s="32">
        <v>126026</v>
      </c>
      <c r="M17" s="32">
        <v>1854</v>
      </c>
      <c r="N17" s="32">
        <v>1131</v>
      </c>
      <c r="O17" s="37">
        <v>129011</v>
      </c>
    </row>
    <row r="18" spans="1:15" ht="24" customHeight="1" x14ac:dyDescent="0.15">
      <c r="A18" s="29" t="s">
        <v>13</v>
      </c>
      <c r="B18" s="30">
        <v>141119</v>
      </c>
      <c r="C18" s="31">
        <v>103287</v>
      </c>
      <c r="D18" s="32">
        <v>1364</v>
      </c>
      <c r="E18" s="33">
        <v>104651</v>
      </c>
      <c r="F18" s="32">
        <v>108770</v>
      </c>
      <c r="G18" s="32">
        <v>1555</v>
      </c>
      <c r="H18" s="33">
        <v>110325</v>
      </c>
      <c r="I18" s="34">
        <v>212057</v>
      </c>
      <c r="J18" s="34">
        <v>2919</v>
      </c>
      <c r="K18" s="35">
        <v>214976</v>
      </c>
      <c r="L18" s="32">
        <v>100513</v>
      </c>
      <c r="M18" s="32">
        <v>1252</v>
      </c>
      <c r="N18" s="32">
        <v>853</v>
      </c>
      <c r="O18" s="37">
        <v>102618</v>
      </c>
    </row>
    <row r="19" spans="1:15" ht="24" customHeight="1" x14ac:dyDescent="0.15">
      <c r="A19" s="29" t="s">
        <v>14</v>
      </c>
      <c r="B19" s="30">
        <v>141127</v>
      </c>
      <c r="C19" s="31">
        <v>118014</v>
      </c>
      <c r="D19" s="32">
        <v>1583</v>
      </c>
      <c r="E19" s="33">
        <v>119597</v>
      </c>
      <c r="F19" s="32">
        <v>123585</v>
      </c>
      <c r="G19" s="32">
        <v>1639</v>
      </c>
      <c r="H19" s="33">
        <v>125224</v>
      </c>
      <c r="I19" s="34">
        <v>241599</v>
      </c>
      <c r="J19" s="34">
        <v>3222</v>
      </c>
      <c r="K19" s="35">
        <v>244821</v>
      </c>
      <c r="L19" s="32">
        <v>114210</v>
      </c>
      <c r="M19" s="32">
        <v>1560</v>
      </c>
      <c r="N19" s="32">
        <v>882</v>
      </c>
      <c r="O19" s="37">
        <v>116652</v>
      </c>
    </row>
    <row r="20" spans="1:15" ht="24" customHeight="1" x14ac:dyDescent="0.15">
      <c r="A20" s="29" t="s">
        <v>15</v>
      </c>
      <c r="B20" s="30">
        <v>141135</v>
      </c>
      <c r="C20" s="31">
        <v>87873</v>
      </c>
      <c r="D20" s="32">
        <v>2066</v>
      </c>
      <c r="E20" s="33">
        <v>89939</v>
      </c>
      <c r="F20" s="32">
        <v>90013</v>
      </c>
      <c r="G20" s="32">
        <v>2230</v>
      </c>
      <c r="H20" s="33">
        <v>92243</v>
      </c>
      <c r="I20" s="34">
        <v>177886</v>
      </c>
      <c r="J20" s="34">
        <v>4296</v>
      </c>
      <c r="K20" s="35">
        <v>182182</v>
      </c>
      <c r="L20" s="32">
        <v>81157</v>
      </c>
      <c r="M20" s="32">
        <v>1864</v>
      </c>
      <c r="N20" s="32">
        <v>802</v>
      </c>
      <c r="O20" s="37">
        <v>83823</v>
      </c>
    </row>
    <row r="21" spans="1:15" ht="24" customHeight="1" x14ac:dyDescent="0.15">
      <c r="A21" s="29" t="s">
        <v>16</v>
      </c>
      <c r="B21" s="30">
        <v>141143</v>
      </c>
      <c r="C21" s="31">
        <v>59186</v>
      </c>
      <c r="D21" s="32">
        <v>926</v>
      </c>
      <c r="E21" s="33">
        <v>60112</v>
      </c>
      <c r="F21" s="32">
        <v>61445</v>
      </c>
      <c r="G21" s="32">
        <v>1030</v>
      </c>
      <c r="H21" s="33">
        <v>62475</v>
      </c>
      <c r="I21" s="34">
        <v>120631</v>
      </c>
      <c r="J21" s="34">
        <v>1956</v>
      </c>
      <c r="K21" s="35">
        <v>122587</v>
      </c>
      <c r="L21" s="32">
        <v>55902</v>
      </c>
      <c r="M21" s="32">
        <v>831</v>
      </c>
      <c r="N21" s="32">
        <v>510</v>
      </c>
      <c r="O21" s="37">
        <v>57243</v>
      </c>
    </row>
    <row r="22" spans="1:15" ht="24" customHeight="1" x14ac:dyDescent="0.15">
      <c r="A22" s="29" t="s">
        <v>17</v>
      </c>
      <c r="B22" s="30">
        <v>141151</v>
      </c>
      <c r="C22" s="31">
        <v>58483</v>
      </c>
      <c r="D22" s="32">
        <v>562</v>
      </c>
      <c r="E22" s="33">
        <v>59045</v>
      </c>
      <c r="F22" s="32">
        <v>61262</v>
      </c>
      <c r="G22" s="32">
        <v>649</v>
      </c>
      <c r="H22" s="33">
        <v>61911</v>
      </c>
      <c r="I22" s="34">
        <v>119745</v>
      </c>
      <c r="J22" s="34">
        <v>1211</v>
      </c>
      <c r="K22" s="35">
        <v>120956</v>
      </c>
      <c r="L22" s="32">
        <v>55963</v>
      </c>
      <c r="M22" s="32">
        <v>469</v>
      </c>
      <c r="N22" s="32">
        <v>417</v>
      </c>
      <c r="O22" s="37">
        <v>56849</v>
      </c>
    </row>
    <row r="23" spans="1:15" ht="24" customHeight="1" x14ac:dyDescent="0.15">
      <c r="A23" s="29" t="s">
        <v>18</v>
      </c>
      <c r="B23" s="30">
        <v>141160</v>
      </c>
      <c r="C23" s="31">
        <v>73714</v>
      </c>
      <c r="D23" s="32">
        <v>1152</v>
      </c>
      <c r="E23" s="33">
        <v>74866</v>
      </c>
      <c r="F23" s="32">
        <v>76566</v>
      </c>
      <c r="G23" s="32">
        <v>1268</v>
      </c>
      <c r="H23" s="33">
        <v>77834</v>
      </c>
      <c r="I23" s="34">
        <v>150280</v>
      </c>
      <c r="J23" s="34">
        <v>2420</v>
      </c>
      <c r="K23" s="35">
        <v>152700</v>
      </c>
      <c r="L23" s="32">
        <v>68967</v>
      </c>
      <c r="M23" s="32">
        <v>1020</v>
      </c>
      <c r="N23" s="32">
        <v>545</v>
      </c>
      <c r="O23" s="37">
        <v>70532</v>
      </c>
    </row>
    <row r="24" spans="1:15" ht="24" customHeight="1" x14ac:dyDescent="0.15">
      <c r="A24" s="29" t="s">
        <v>19</v>
      </c>
      <c r="B24" s="30">
        <v>141178</v>
      </c>
      <c r="C24" s="31">
        <v>147930</v>
      </c>
      <c r="D24" s="32">
        <v>2181</v>
      </c>
      <c r="E24" s="33">
        <v>150111</v>
      </c>
      <c r="F24" s="32">
        <v>157924</v>
      </c>
      <c r="G24" s="32">
        <v>2182</v>
      </c>
      <c r="H24" s="33">
        <v>160106</v>
      </c>
      <c r="I24" s="34">
        <v>305854</v>
      </c>
      <c r="J24" s="34">
        <v>4363</v>
      </c>
      <c r="K24" s="35">
        <v>310217</v>
      </c>
      <c r="L24" s="32">
        <v>134992</v>
      </c>
      <c r="M24" s="32">
        <v>2105</v>
      </c>
      <c r="N24" s="32">
        <v>1255</v>
      </c>
      <c r="O24" s="37">
        <v>138352</v>
      </c>
    </row>
    <row r="25" spans="1:15" ht="24" customHeight="1" x14ac:dyDescent="0.15">
      <c r="A25" s="29" t="s">
        <v>20</v>
      </c>
      <c r="B25" s="30">
        <v>141186</v>
      </c>
      <c r="C25" s="31">
        <v>104931</v>
      </c>
      <c r="D25" s="32">
        <v>1750</v>
      </c>
      <c r="E25" s="33">
        <v>106681</v>
      </c>
      <c r="F25" s="32">
        <v>106540</v>
      </c>
      <c r="G25" s="32">
        <v>1695</v>
      </c>
      <c r="H25" s="33">
        <v>108235</v>
      </c>
      <c r="I25" s="34">
        <v>211471</v>
      </c>
      <c r="J25" s="34">
        <v>3445</v>
      </c>
      <c r="K25" s="35">
        <v>214916</v>
      </c>
      <c r="L25" s="32">
        <v>87736</v>
      </c>
      <c r="M25" s="32">
        <v>1449</v>
      </c>
      <c r="N25" s="32">
        <v>1018</v>
      </c>
      <c r="O25" s="37">
        <v>90203</v>
      </c>
    </row>
    <row r="26" spans="1:15" ht="24" customHeight="1" x14ac:dyDescent="0.15">
      <c r="A26" s="38" t="s">
        <v>21</v>
      </c>
      <c r="B26" s="30">
        <v>141305</v>
      </c>
      <c r="C26" s="39">
        <v>748475</v>
      </c>
      <c r="D26" s="34">
        <v>21490</v>
      </c>
      <c r="E26" s="34">
        <v>769965</v>
      </c>
      <c r="F26" s="34">
        <v>730021</v>
      </c>
      <c r="G26" s="34">
        <v>22404</v>
      </c>
      <c r="H26" s="34">
        <v>752425</v>
      </c>
      <c r="I26" s="34">
        <v>1478496</v>
      </c>
      <c r="J26" s="34">
        <v>43894</v>
      </c>
      <c r="K26" s="35">
        <v>1522390</v>
      </c>
      <c r="L26" s="34">
        <v>738245</v>
      </c>
      <c r="M26" s="34">
        <v>22975</v>
      </c>
      <c r="N26" s="34">
        <v>8837</v>
      </c>
      <c r="O26" s="37">
        <v>770057</v>
      </c>
    </row>
    <row r="27" spans="1:15" ht="24" customHeight="1" x14ac:dyDescent="0.15">
      <c r="A27" s="29" t="s">
        <v>22</v>
      </c>
      <c r="B27" s="30">
        <v>141313</v>
      </c>
      <c r="C27" s="31">
        <v>117725</v>
      </c>
      <c r="D27" s="32">
        <v>7637</v>
      </c>
      <c r="E27" s="33">
        <v>125362</v>
      </c>
      <c r="F27" s="32">
        <v>98932</v>
      </c>
      <c r="G27" s="32">
        <v>8359</v>
      </c>
      <c r="H27" s="33">
        <v>107291</v>
      </c>
      <c r="I27" s="34">
        <v>216657</v>
      </c>
      <c r="J27" s="34">
        <v>15996</v>
      </c>
      <c r="K27" s="35">
        <v>232653</v>
      </c>
      <c r="L27" s="32">
        <v>118359</v>
      </c>
      <c r="M27" s="32">
        <v>8321</v>
      </c>
      <c r="N27" s="32">
        <v>2532</v>
      </c>
      <c r="O27" s="37">
        <v>129212</v>
      </c>
    </row>
    <row r="28" spans="1:15" ht="24" customHeight="1" x14ac:dyDescent="0.15">
      <c r="A28" s="29" t="s">
        <v>23</v>
      </c>
      <c r="B28" s="30">
        <v>141321</v>
      </c>
      <c r="C28" s="31">
        <v>84938</v>
      </c>
      <c r="D28" s="32">
        <v>2511</v>
      </c>
      <c r="E28" s="33">
        <v>87449</v>
      </c>
      <c r="F28" s="32">
        <v>81687</v>
      </c>
      <c r="G28" s="32">
        <v>2894</v>
      </c>
      <c r="H28" s="33">
        <v>84581</v>
      </c>
      <c r="I28" s="34">
        <v>166625</v>
      </c>
      <c r="J28" s="34">
        <v>5405</v>
      </c>
      <c r="K28" s="35">
        <v>172030</v>
      </c>
      <c r="L28" s="32">
        <v>81533</v>
      </c>
      <c r="M28" s="32">
        <v>2468</v>
      </c>
      <c r="N28" s="32">
        <v>1107</v>
      </c>
      <c r="O28" s="37">
        <v>85108</v>
      </c>
    </row>
    <row r="29" spans="1:15" ht="24" customHeight="1" x14ac:dyDescent="0.15">
      <c r="A29" s="29" t="s">
        <v>24</v>
      </c>
      <c r="B29" s="30">
        <v>141330</v>
      </c>
      <c r="C29" s="31">
        <v>128370</v>
      </c>
      <c r="D29" s="32">
        <v>2838</v>
      </c>
      <c r="E29" s="33">
        <v>131208</v>
      </c>
      <c r="F29" s="32">
        <v>125945</v>
      </c>
      <c r="G29" s="32">
        <v>2925</v>
      </c>
      <c r="H29" s="33">
        <v>128870</v>
      </c>
      <c r="I29" s="34">
        <v>254315</v>
      </c>
      <c r="J29" s="34">
        <v>5763</v>
      </c>
      <c r="K29" s="35">
        <v>260078</v>
      </c>
      <c r="L29" s="32">
        <v>131427</v>
      </c>
      <c r="M29" s="32">
        <v>3178</v>
      </c>
      <c r="N29" s="32">
        <v>1243</v>
      </c>
      <c r="O29" s="37">
        <v>135848</v>
      </c>
    </row>
    <row r="30" spans="1:15" ht="24" customHeight="1" x14ac:dyDescent="0.15">
      <c r="A30" s="29" t="s">
        <v>25</v>
      </c>
      <c r="B30" s="30">
        <v>141348</v>
      </c>
      <c r="C30" s="31">
        <v>112909</v>
      </c>
      <c r="D30" s="32">
        <v>2595</v>
      </c>
      <c r="E30" s="33">
        <v>115504</v>
      </c>
      <c r="F30" s="32">
        <v>112786</v>
      </c>
      <c r="G30" s="32">
        <v>2545</v>
      </c>
      <c r="H30" s="33">
        <v>115331</v>
      </c>
      <c r="I30" s="34">
        <v>225695</v>
      </c>
      <c r="J30" s="34">
        <v>5140</v>
      </c>
      <c r="K30" s="35">
        <v>230835</v>
      </c>
      <c r="L30" s="32">
        <v>112029</v>
      </c>
      <c r="M30" s="32">
        <v>2743</v>
      </c>
      <c r="N30" s="32">
        <v>1192</v>
      </c>
      <c r="O30" s="37">
        <v>115964</v>
      </c>
    </row>
    <row r="31" spans="1:15" ht="24" customHeight="1" x14ac:dyDescent="0.15">
      <c r="A31" s="29" t="s">
        <v>26</v>
      </c>
      <c r="B31" s="30">
        <v>141356</v>
      </c>
      <c r="C31" s="31">
        <v>106380</v>
      </c>
      <c r="D31" s="32">
        <v>2399</v>
      </c>
      <c r="E31" s="33">
        <v>108779</v>
      </c>
      <c r="F31" s="32">
        <v>103134</v>
      </c>
      <c r="G31" s="32">
        <v>2274</v>
      </c>
      <c r="H31" s="33">
        <v>105408</v>
      </c>
      <c r="I31" s="34">
        <v>209514</v>
      </c>
      <c r="J31" s="34">
        <v>4673</v>
      </c>
      <c r="K31" s="35">
        <v>214187</v>
      </c>
      <c r="L31" s="32">
        <v>109758</v>
      </c>
      <c r="M31" s="32">
        <v>2777</v>
      </c>
      <c r="N31" s="32">
        <v>946</v>
      </c>
      <c r="O31" s="37">
        <v>113481</v>
      </c>
    </row>
    <row r="32" spans="1:15" ht="24" customHeight="1" x14ac:dyDescent="0.15">
      <c r="A32" s="29" t="s">
        <v>27</v>
      </c>
      <c r="B32" s="30">
        <v>141364</v>
      </c>
      <c r="C32" s="31">
        <v>112904</v>
      </c>
      <c r="D32" s="32">
        <v>1997</v>
      </c>
      <c r="E32" s="33">
        <v>114901</v>
      </c>
      <c r="F32" s="32">
        <v>117160</v>
      </c>
      <c r="G32" s="32">
        <v>1979</v>
      </c>
      <c r="H32" s="33">
        <v>119139</v>
      </c>
      <c r="I32" s="34">
        <v>230064</v>
      </c>
      <c r="J32" s="34">
        <v>3976</v>
      </c>
      <c r="K32" s="35">
        <v>234040</v>
      </c>
      <c r="L32" s="32">
        <v>104491</v>
      </c>
      <c r="M32" s="32">
        <v>1926</v>
      </c>
      <c r="N32" s="32">
        <v>1109</v>
      </c>
      <c r="O32" s="37">
        <v>107526</v>
      </c>
    </row>
    <row r="33" spans="1:15" ht="24" customHeight="1" x14ac:dyDescent="0.15">
      <c r="A33" s="29" t="s">
        <v>28</v>
      </c>
      <c r="B33" s="30">
        <v>141372</v>
      </c>
      <c r="C33" s="31">
        <v>85249</v>
      </c>
      <c r="D33" s="32">
        <v>1513</v>
      </c>
      <c r="E33" s="33">
        <v>86762</v>
      </c>
      <c r="F33" s="32">
        <v>90377</v>
      </c>
      <c r="G33" s="32">
        <v>1428</v>
      </c>
      <c r="H33" s="33">
        <v>91805</v>
      </c>
      <c r="I33" s="34">
        <v>175626</v>
      </c>
      <c r="J33" s="34">
        <v>2941</v>
      </c>
      <c r="K33" s="35">
        <v>178567</v>
      </c>
      <c r="L33" s="32">
        <v>80648</v>
      </c>
      <c r="M33" s="32">
        <v>1562</v>
      </c>
      <c r="N33" s="32">
        <v>708</v>
      </c>
      <c r="O33" s="37">
        <v>82918</v>
      </c>
    </row>
    <row r="34" spans="1:15" ht="24" customHeight="1" x14ac:dyDescent="0.15">
      <c r="A34" s="38" t="s">
        <v>29</v>
      </c>
      <c r="B34" s="30">
        <v>141500</v>
      </c>
      <c r="C34" s="39">
        <v>352977</v>
      </c>
      <c r="D34" s="34">
        <v>7638</v>
      </c>
      <c r="E34" s="34">
        <v>360615</v>
      </c>
      <c r="F34" s="34">
        <v>350349</v>
      </c>
      <c r="G34" s="34">
        <v>8148</v>
      </c>
      <c r="H34" s="34">
        <v>358497</v>
      </c>
      <c r="I34" s="34">
        <v>703326</v>
      </c>
      <c r="J34" s="34">
        <v>15786</v>
      </c>
      <c r="K34" s="35">
        <v>719112</v>
      </c>
      <c r="L34" s="34">
        <v>335380</v>
      </c>
      <c r="M34" s="34">
        <v>8517</v>
      </c>
      <c r="N34" s="34">
        <v>3336</v>
      </c>
      <c r="O34" s="37">
        <v>347233</v>
      </c>
    </row>
    <row r="35" spans="1:15" ht="24" customHeight="1" x14ac:dyDescent="0.15">
      <c r="A35" s="29" t="s">
        <v>15</v>
      </c>
      <c r="B35" s="30">
        <v>141518</v>
      </c>
      <c r="C35" s="31">
        <v>83279</v>
      </c>
      <c r="D35" s="32">
        <v>1747</v>
      </c>
      <c r="E35" s="33">
        <v>85026</v>
      </c>
      <c r="F35" s="32">
        <v>81849</v>
      </c>
      <c r="G35" s="32">
        <v>1819</v>
      </c>
      <c r="H35" s="33">
        <v>83668</v>
      </c>
      <c r="I35" s="34">
        <v>165128</v>
      </c>
      <c r="J35" s="34">
        <v>3566</v>
      </c>
      <c r="K35" s="35">
        <v>168694</v>
      </c>
      <c r="L35" s="32">
        <v>76418</v>
      </c>
      <c r="M35" s="32">
        <v>2105</v>
      </c>
      <c r="N35" s="32">
        <v>693</v>
      </c>
      <c r="O35" s="37">
        <v>79216</v>
      </c>
    </row>
    <row r="36" spans="1:15" ht="24" customHeight="1" x14ac:dyDescent="0.15">
      <c r="A36" s="29" t="s">
        <v>30</v>
      </c>
      <c r="B36" s="30">
        <v>141526</v>
      </c>
      <c r="C36" s="31">
        <v>134391</v>
      </c>
      <c r="D36" s="32">
        <v>2895</v>
      </c>
      <c r="E36" s="33">
        <v>137286</v>
      </c>
      <c r="F36" s="32">
        <v>131604</v>
      </c>
      <c r="G36" s="32">
        <v>3149</v>
      </c>
      <c r="H36" s="33">
        <v>134753</v>
      </c>
      <c r="I36" s="34">
        <v>265995</v>
      </c>
      <c r="J36" s="34">
        <v>6044</v>
      </c>
      <c r="K36" s="35">
        <v>272039</v>
      </c>
      <c r="L36" s="32">
        <v>126204</v>
      </c>
      <c r="M36" s="32">
        <v>3116</v>
      </c>
      <c r="N36" s="32">
        <v>1371</v>
      </c>
      <c r="O36" s="37">
        <v>130691</v>
      </c>
    </row>
    <row r="37" spans="1:15" ht="24" customHeight="1" x14ac:dyDescent="0.15">
      <c r="A37" s="29" t="s">
        <v>8</v>
      </c>
      <c r="B37" s="30">
        <v>141534</v>
      </c>
      <c r="C37" s="31">
        <v>135307</v>
      </c>
      <c r="D37" s="32">
        <v>2996</v>
      </c>
      <c r="E37" s="33">
        <v>138303</v>
      </c>
      <c r="F37" s="32">
        <v>136896</v>
      </c>
      <c r="G37" s="32">
        <v>3180</v>
      </c>
      <c r="H37" s="33">
        <v>140076</v>
      </c>
      <c r="I37" s="34">
        <v>272203</v>
      </c>
      <c r="J37" s="34">
        <v>6176</v>
      </c>
      <c r="K37" s="35">
        <v>278379</v>
      </c>
      <c r="L37" s="32">
        <v>132758</v>
      </c>
      <c r="M37" s="32">
        <v>3296</v>
      </c>
      <c r="N37" s="32">
        <v>1272</v>
      </c>
      <c r="O37" s="37">
        <v>137326</v>
      </c>
    </row>
    <row r="38" spans="1:15" ht="24" customHeight="1" x14ac:dyDescent="0.15">
      <c r="A38" s="38" t="s">
        <v>31</v>
      </c>
      <c r="B38" s="30">
        <v>142018</v>
      </c>
      <c r="C38" s="31">
        <v>193041</v>
      </c>
      <c r="D38" s="32">
        <v>2822</v>
      </c>
      <c r="E38" s="33">
        <v>195863</v>
      </c>
      <c r="F38" s="32">
        <v>193744</v>
      </c>
      <c r="G38" s="32">
        <v>3210</v>
      </c>
      <c r="H38" s="33">
        <v>196954</v>
      </c>
      <c r="I38" s="34">
        <v>386785</v>
      </c>
      <c r="J38" s="34">
        <v>6032</v>
      </c>
      <c r="K38" s="35">
        <v>392817</v>
      </c>
      <c r="L38" s="32">
        <v>187228</v>
      </c>
      <c r="M38" s="32">
        <v>2950</v>
      </c>
      <c r="N38" s="32">
        <v>1821</v>
      </c>
      <c r="O38" s="37">
        <v>191999</v>
      </c>
    </row>
    <row r="39" spans="1:15" ht="24" customHeight="1" x14ac:dyDescent="0.15">
      <c r="A39" s="38" t="s">
        <v>32</v>
      </c>
      <c r="B39" s="30">
        <v>142034</v>
      </c>
      <c r="C39" s="31">
        <v>125437</v>
      </c>
      <c r="D39" s="32">
        <v>2289</v>
      </c>
      <c r="E39" s="33">
        <v>127726</v>
      </c>
      <c r="F39" s="32">
        <v>125437</v>
      </c>
      <c r="G39" s="32">
        <v>2824</v>
      </c>
      <c r="H39" s="33">
        <v>128261</v>
      </c>
      <c r="I39" s="34">
        <v>250874</v>
      </c>
      <c r="J39" s="34">
        <v>5113</v>
      </c>
      <c r="K39" s="35">
        <v>255987</v>
      </c>
      <c r="L39" s="32">
        <v>116234</v>
      </c>
      <c r="M39" s="32">
        <v>2393</v>
      </c>
      <c r="N39" s="32">
        <v>1246</v>
      </c>
      <c r="O39" s="40">
        <v>119873</v>
      </c>
    </row>
    <row r="40" spans="1:15" ht="24" customHeight="1" x14ac:dyDescent="0.15">
      <c r="A40" s="38" t="s">
        <v>33</v>
      </c>
      <c r="B40" s="30">
        <v>142042</v>
      </c>
      <c r="C40" s="41">
        <v>82959</v>
      </c>
      <c r="D40" s="36">
        <v>873</v>
      </c>
      <c r="E40" s="34">
        <v>83832</v>
      </c>
      <c r="F40" s="32">
        <v>92462</v>
      </c>
      <c r="G40" s="32">
        <v>757</v>
      </c>
      <c r="H40" s="34">
        <v>93219</v>
      </c>
      <c r="I40" s="34">
        <v>175421</v>
      </c>
      <c r="J40" s="34">
        <v>1630</v>
      </c>
      <c r="K40" s="34">
        <v>177051</v>
      </c>
      <c r="L40" s="32">
        <v>83054</v>
      </c>
      <c r="M40" s="32">
        <v>591</v>
      </c>
      <c r="N40" s="32">
        <v>784</v>
      </c>
      <c r="O40" s="37">
        <v>84429</v>
      </c>
    </row>
    <row r="41" spans="1:15" ht="24" customHeight="1" x14ac:dyDescent="0.15">
      <c r="A41" s="38" t="s">
        <v>34</v>
      </c>
      <c r="B41" s="30">
        <v>142051</v>
      </c>
      <c r="C41" s="42">
        <v>215850</v>
      </c>
      <c r="D41" s="43">
        <v>3619</v>
      </c>
      <c r="E41" s="44">
        <v>219469</v>
      </c>
      <c r="F41" s="43">
        <v>220503</v>
      </c>
      <c r="G41" s="43">
        <v>3081</v>
      </c>
      <c r="H41" s="44">
        <v>223584</v>
      </c>
      <c r="I41" s="45">
        <v>436353</v>
      </c>
      <c r="J41" s="45">
        <v>6700</v>
      </c>
      <c r="K41" s="45">
        <v>443053</v>
      </c>
      <c r="L41" s="43">
        <v>202748</v>
      </c>
      <c r="M41" s="43">
        <v>3250</v>
      </c>
      <c r="N41" s="46">
        <v>1728</v>
      </c>
      <c r="O41" s="47">
        <v>207726</v>
      </c>
    </row>
    <row r="42" spans="1:15" ht="24" customHeight="1" x14ac:dyDescent="0.15">
      <c r="A42" s="38" t="s">
        <v>35</v>
      </c>
      <c r="B42" s="30">
        <v>142069</v>
      </c>
      <c r="C42" s="31">
        <v>90918</v>
      </c>
      <c r="D42" s="32">
        <v>1120</v>
      </c>
      <c r="E42" s="33">
        <v>92038</v>
      </c>
      <c r="F42" s="32">
        <v>95223</v>
      </c>
      <c r="G42" s="32">
        <v>1478</v>
      </c>
      <c r="H42" s="33">
        <v>96701</v>
      </c>
      <c r="I42" s="34">
        <v>186141</v>
      </c>
      <c r="J42" s="34">
        <v>2598</v>
      </c>
      <c r="K42" s="35">
        <v>188739</v>
      </c>
      <c r="L42" s="32">
        <v>87408</v>
      </c>
      <c r="M42" s="32">
        <v>1380</v>
      </c>
      <c r="N42" s="36">
        <v>686</v>
      </c>
      <c r="O42" s="37">
        <v>89474</v>
      </c>
    </row>
    <row r="43" spans="1:15" ht="24" customHeight="1" x14ac:dyDescent="0.15">
      <c r="A43" s="38" t="s">
        <v>36</v>
      </c>
      <c r="B43" s="30">
        <v>142077</v>
      </c>
      <c r="C43" s="31">
        <v>118728</v>
      </c>
      <c r="D43" s="32">
        <v>963</v>
      </c>
      <c r="E43" s="33">
        <v>119691</v>
      </c>
      <c r="F43" s="32">
        <v>125123</v>
      </c>
      <c r="G43" s="32">
        <v>1038</v>
      </c>
      <c r="H43" s="33">
        <v>126161</v>
      </c>
      <c r="I43" s="34">
        <v>243851</v>
      </c>
      <c r="J43" s="34">
        <v>2001</v>
      </c>
      <c r="K43" s="35">
        <v>245852</v>
      </c>
      <c r="L43" s="32">
        <v>109588</v>
      </c>
      <c r="M43" s="32">
        <v>806</v>
      </c>
      <c r="N43" s="36">
        <v>833</v>
      </c>
      <c r="O43" s="37">
        <v>111227</v>
      </c>
    </row>
    <row r="44" spans="1:15" ht="24" customHeight="1" x14ac:dyDescent="0.15">
      <c r="A44" s="38" t="s">
        <v>37</v>
      </c>
      <c r="B44" s="30">
        <v>142085</v>
      </c>
      <c r="C44" s="31">
        <v>27723</v>
      </c>
      <c r="D44" s="32">
        <v>282</v>
      </c>
      <c r="E44" s="33">
        <v>28005</v>
      </c>
      <c r="F44" s="32">
        <v>31134</v>
      </c>
      <c r="G44" s="32">
        <v>252</v>
      </c>
      <c r="H44" s="33">
        <v>31386</v>
      </c>
      <c r="I44" s="34">
        <v>58857</v>
      </c>
      <c r="J44" s="34">
        <v>534</v>
      </c>
      <c r="K44" s="35">
        <v>59391</v>
      </c>
      <c r="L44" s="32">
        <v>27463</v>
      </c>
      <c r="M44" s="32">
        <v>166</v>
      </c>
      <c r="N44" s="36">
        <v>288</v>
      </c>
      <c r="O44" s="37">
        <v>27917</v>
      </c>
    </row>
    <row r="45" spans="1:15" ht="24" customHeight="1" x14ac:dyDescent="0.15">
      <c r="A45" s="38" t="s">
        <v>38</v>
      </c>
      <c r="B45" s="30">
        <v>142107</v>
      </c>
      <c r="C45" s="31">
        <v>20141</v>
      </c>
      <c r="D45" s="32">
        <v>180</v>
      </c>
      <c r="E45" s="33">
        <v>20321</v>
      </c>
      <c r="F45" s="32">
        <v>21316</v>
      </c>
      <c r="G45" s="32">
        <v>180</v>
      </c>
      <c r="H45" s="33">
        <v>21496</v>
      </c>
      <c r="I45" s="34">
        <v>41457</v>
      </c>
      <c r="J45" s="34">
        <v>360</v>
      </c>
      <c r="K45" s="35">
        <v>41817</v>
      </c>
      <c r="L45" s="32">
        <v>19642</v>
      </c>
      <c r="M45" s="32">
        <v>220</v>
      </c>
      <c r="N45" s="36">
        <v>112</v>
      </c>
      <c r="O45" s="37">
        <v>19974</v>
      </c>
    </row>
    <row r="46" spans="1:15" ht="24" customHeight="1" x14ac:dyDescent="0.15">
      <c r="A46" s="38" t="s">
        <v>39</v>
      </c>
      <c r="B46" s="30">
        <v>142115</v>
      </c>
      <c r="C46" s="31">
        <v>78316</v>
      </c>
      <c r="D46" s="32">
        <v>1995</v>
      </c>
      <c r="E46" s="33">
        <v>80311</v>
      </c>
      <c r="F46" s="32">
        <v>77961</v>
      </c>
      <c r="G46" s="32">
        <v>1713</v>
      </c>
      <c r="H46" s="33">
        <v>79674</v>
      </c>
      <c r="I46" s="34">
        <v>156277</v>
      </c>
      <c r="J46" s="34">
        <v>3708</v>
      </c>
      <c r="K46" s="35">
        <v>159985</v>
      </c>
      <c r="L46" s="32">
        <v>71800</v>
      </c>
      <c r="M46" s="32">
        <v>2015</v>
      </c>
      <c r="N46" s="36">
        <v>560</v>
      </c>
      <c r="O46" s="37">
        <v>74375</v>
      </c>
    </row>
    <row r="47" spans="1:15" ht="24" customHeight="1" x14ac:dyDescent="0.15">
      <c r="A47" s="38" t="s">
        <v>40</v>
      </c>
      <c r="B47" s="30">
        <v>142123</v>
      </c>
      <c r="C47" s="31">
        <v>111312</v>
      </c>
      <c r="D47" s="32">
        <v>4041</v>
      </c>
      <c r="E47" s="33">
        <v>115353</v>
      </c>
      <c r="F47" s="32">
        <v>104483</v>
      </c>
      <c r="G47" s="32">
        <v>3615</v>
      </c>
      <c r="H47" s="33">
        <v>108098</v>
      </c>
      <c r="I47" s="34">
        <v>215795</v>
      </c>
      <c r="J47" s="34">
        <v>7656</v>
      </c>
      <c r="K47" s="35">
        <v>223451</v>
      </c>
      <c r="L47" s="32">
        <v>101955</v>
      </c>
      <c r="M47" s="32">
        <v>3867</v>
      </c>
      <c r="N47" s="36">
        <v>1218</v>
      </c>
      <c r="O47" s="37">
        <v>107040</v>
      </c>
    </row>
    <row r="48" spans="1:15" ht="24" customHeight="1" x14ac:dyDescent="0.15">
      <c r="A48" s="38" t="s">
        <v>41</v>
      </c>
      <c r="B48" s="30">
        <v>142131</v>
      </c>
      <c r="C48" s="31">
        <v>117853</v>
      </c>
      <c r="D48" s="32">
        <v>3483</v>
      </c>
      <c r="E48" s="33">
        <v>121336</v>
      </c>
      <c r="F48" s="32">
        <v>117851</v>
      </c>
      <c r="G48" s="32">
        <v>3750</v>
      </c>
      <c r="H48" s="33">
        <v>121601</v>
      </c>
      <c r="I48" s="34">
        <v>235704</v>
      </c>
      <c r="J48" s="34">
        <v>7233</v>
      </c>
      <c r="K48" s="35">
        <v>242937</v>
      </c>
      <c r="L48" s="32">
        <v>113362</v>
      </c>
      <c r="M48" s="32">
        <v>3417</v>
      </c>
      <c r="N48" s="36">
        <v>1490</v>
      </c>
      <c r="O48" s="37">
        <v>118269</v>
      </c>
    </row>
    <row r="49" spans="1:15" ht="24" customHeight="1" x14ac:dyDescent="0.15">
      <c r="A49" s="38" t="s">
        <v>42</v>
      </c>
      <c r="B49" s="30">
        <v>142140</v>
      </c>
      <c r="C49" s="31">
        <v>49432</v>
      </c>
      <c r="D49" s="32">
        <v>1238</v>
      </c>
      <c r="E49" s="33">
        <v>50670</v>
      </c>
      <c r="F49" s="32">
        <v>47866</v>
      </c>
      <c r="G49" s="32">
        <v>1259</v>
      </c>
      <c r="H49" s="33">
        <v>49125</v>
      </c>
      <c r="I49" s="34">
        <v>97298</v>
      </c>
      <c r="J49" s="34">
        <v>2497</v>
      </c>
      <c r="K49" s="35">
        <v>99795</v>
      </c>
      <c r="L49" s="32">
        <v>44849</v>
      </c>
      <c r="M49" s="32">
        <v>1372</v>
      </c>
      <c r="N49" s="36">
        <v>348</v>
      </c>
      <c r="O49" s="37">
        <v>46569</v>
      </c>
    </row>
    <row r="50" spans="1:15" ht="24" customHeight="1" x14ac:dyDescent="0.15">
      <c r="A50" s="38" t="s">
        <v>43</v>
      </c>
      <c r="B50" s="30">
        <v>142158</v>
      </c>
      <c r="C50" s="48">
        <v>67585</v>
      </c>
      <c r="D50" s="49">
        <v>1375</v>
      </c>
      <c r="E50" s="33">
        <v>68960</v>
      </c>
      <c r="F50" s="49">
        <v>66690</v>
      </c>
      <c r="G50" s="49">
        <v>1315</v>
      </c>
      <c r="H50" s="33">
        <v>68005</v>
      </c>
      <c r="I50" s="34">
        <v>134275</v>
      </c>
      <c r="J50" s="34">
        <v>2690</v>
      </c>
      <c r="K50" s="35">
        <v>136965</v>
      </c>
      <c r="L50" s="49">
        <v>60692</v>
      </c>
      <c r="M50" s="49">
        <v>1238</v>
      </c>
      <c r="N50" s="50">
        <v>564</v>
      </c>
      <c r="O50" s="37">
        <v>62494</v>
      </c>
    </row>
    <row r="51" spans="1:15" ht="24" customHeight="1" x14ac:dyDescent="0.15">
      <c r="A51" s="38" t="s">
        <v>44</v>
      </c>
      <c r="B51" s="30">
        <v>142166</v>
      </c>
      <c r="C51" s="31">
        <v>64534</v>
      </c>
      <c r="D51" s="32">
        <v>1587</v>
      </c>
      <c r="E51" s="33">
        <v>66121</v>
      </c>
      <c r="F51" s="32">
        <v>63900</v>
      </c>
      <c r="G51" s="32">
        <v>1688</v>
      </c>
      <c r="H51" s="33">
        <v>65588</v>
      </c>
      <c r="I51" s="34">
        <v>128434</v>
      </c>
      <c r="J51" s="34">
        <v>3275</v>
      </c>
      <c r="K51" s="35">
        <v>131709</v>
      </c>
      <c r="L51" s="32">
        <v>60956</v>
      </c>
      <c r="M51" s="32">
        <v>1448</v>
      </c>
      <c r="N51" s="36">
        <v>825</v>
      </c>
      <c r="O51" s="37">
        <v>63229</v>
      </c>
    </row>
    <row r="52" spans="1:15" ht="24" customHeight="1" x14ac:dyDescent="0.15">
      <c r="A52" s="38" t="s">
        <v>45</v>
      </c>
      <c r="B52" s="30">
        <v>142174</v>
      </c>
      <c r="C52" s="31">
        <v>20065</v>
      </c>
      <c r="D52" s="32">
        <v>234</v>
      </c>
      <c r="E52" s="33">
        <v>20299</v>
      </c>
      <c r="F52" s="32">
        <v>20681</v>
      </c>
      <c r="G52" s="32">
        <v>274</v>
      </c>
      <c r="H52" s="33">
        <v>20955</v>
      </c>
      <c r="I52" s="34">
        <v>40746</v>
      </c>
      <c r="J52" s="34">
        <v>508</v>
      </c>
      <c r="K52" s="35">
        <v>41254</v>
      </c>
      <c r="L52" s="32">
        <v>17682</v>
      </c>
      <c r="M52" s="32">
        <v>257</v>
      </c>
      <c r="N52" s="36">
        <v>125</v>
      </c>
      <c r="O52" s="37">
        <v>18064</v>
      </c>
    </row>
    <row r="53" spans="1:15" ht="24" customHeight="1" x14ac:dyDescent="0.15">
      <c r="A53" s="38" t="s">
        <v>46</v>
      </c>
      <c r="B53" s="30">
        <v>142182</v>
      </c>
      <c r="C53" s="31">
        <v>40838</v>
      </c>
      <c r="D53" s="32">
        <v>2343</v>
      </c>
      <c r="E53" s="33">
        <v>43181</v>
      </c>
      <c r="F53" s="32">
        <v>39478</v>
      </c>
      <c r="G53" s="32">
        <v>1786</v>
      </c>
      <c r="H53" s="33">
        <v>41264</v>
      </c>
      <c r="I53" s="34">
        <v>80316</v>
      </c>
      <c r="J53" s="34">
        <v>4129</v>
      </c>
      <c r="K53" s="35">
        <v>84445</v>
      </c>
      <c r="L53" s="32">
        <v>35861</v>
      </c>
      <c r="M53" s="32">
        <v>2017</v>
      </c>
      <c r="N53" s="36">
        <v>518</v>
      </c>
      <c r="O53" s="37">
        <v>38396</v>
      </c>
    </row>
    <row r="54" spans="1:15" ht="24" customHeight="1" x14ac:dyDescent="0.15">
      <c r="A54" s="38" t="s">
        <v>47</v>
      </c>
      <c r="B54" s="30">
        <v>143014</v>
      </c>
      <c r="C54" s="31">
        <v>15400</v>
      </c>
      <c r="D54" s="32">
        <v>164</v>
      </c>
      <c r="E54" s="33">
        <v>15564</v>
      </c>
      <c r="F54" s="32">
        <v>17207</v>
      </c>
      <c r="G54" s="32">
        <v>93</v>
      </c>
      <c r="H54" s="33">
        <v>17300</v>
      </c>
      <c r="I54" s="34">
        <v>32607</v>
      </c>
      <c r="J54" s="34">
        <v>257</v>
      </c>
      <c r="K54" s="35">
        <v>32864</v>
      </c>
      <c r="L54" s="32">
        <v>14421</v>
      </c>
      <c r="M54" s="32">
        <v>88</v>
      </c>
      <c r="N54" s="36">
        <v>146</v>
      </c>
      <c r="O54" s="37">
        <v>14655</v>
      </c>
    </row>
    <row r="55" spans="1:15" ht="24" customHeight="1" x14ac:dyDescent="0.15">
      <c r="A55" s="38" t="s">
        <v>48</v>
      </c>
      <c r="B55" s="30">
        <v>143219</v>
      </c>
      <c r="C55" s="31">
        <v>24407</v>
      </c>
      <c r="D55" s="32">
        <v>534</v>
      </c>
      <c r="E55" s="33">
        <v>24941</v>
      </c>
      <c r="F55" s="32">
        <v>23655</v>
      </c>
      <c r="G55" s="32">
        <v>468</v>
      </c>
      <c r="H55" s="33">
        <v>24123</v>
      </c>
      <c r="I55" s="34">
        <v>48062</v>
      </c>
      <c r="J55" s="34">
        <v>1002</v>
      </c>
      <c r="K55" s="35">
        <v>49064</v>
      </c>
      <c r="L55" s="32">
        <v>21350</v>
      </c>
      <c r="M55" s="32">
        <v>533</v>
      </c>
      <c r="N55" s="36">
        <v>200</v>
      </c>
      <c r="O55" s="37">
        <v>22083</v>
      </c>
    </row>
    <row r="56" spans="1:15" ht="24" customHeight="1" x14ac:dyDescent="0.15">
      <c r="A56" s="38" t="s">
        <v>49</v>
      </c>
      <c r="B56" s="30">
        <v>143413</v>
      </c>
      <c r="C56" s="31">
        <v>15808</v>
      </c>
      <c r="D56" s="32">
        <v>106</v>
      </c>
      <c r="E56" s="33">
        <v>15914</v>
      </c>
      <c r="F56" s="32">
        <v>16464</v>
      </c>
      <c r="G56" s="32">
        <v>86</v>
      </c>
      <c r="H56" s="33">
        <v>16550</v>
      </c>
      <c r="I56" s="34">
        <v>32272</v>
      </c>
      <c r="J56" s="34">
        <v>192</v>
      </c>
      <c r="K56" s="35">
        <v>32464</v>
      </c>
      <c r="L56" s="32">
        <v>14367</v>
      </c>
      <c r="M56" s="32">
        <v>53</v>
      </c>
      <c r="N56" s="36">
        <v>115</v>
      </c>
      <c r="O56" s="37">
        <v>14535</v>
      </c>
    </row>
    <row r="57" spans="1:15" ht="24" customHeight="1" x14ac:dyDescent="0.15">
      <c r="A57" s="38" t="s">
        <v>50</v>
      </c>
      <c r="B57" s="30">
        <v>143421</v>
      </c>
      <c r="C57" s="31">
        <v>13575</v>
      </c>
      <c r="D57" s="32">
        <v>115</v>
      </c>
      <c r="E57" s="33">
        <v>13690</v>
      </c>
      <c r="F57" s="32">
        <v>14396</v>
      </c>
      <c r="G57" s="32">
        <v>97</v>
      </c>
      <c r="H57" s="33">
        <v>14493</v>
      </c>
      <c r="I57" s="34">
        <v>27971</v>
      </c>
      <c r="J57" s="34">
        <v>212</v>
      </c>
      <c r="K57" s="35">
        <v>28183</v>
      </c>
      <c r="L57" s="32">
        <v>12630</v>
      </c>
      <c r="M57" s="32">
        <v>108</v>
      </c>
      <c r="N57" s="36">
        <v>55</v>
      </c>
      <c r="O57" s="37">
        <v>12793</v>
      </c>
    </row>
    <row r="58" spans="1:15" ht="24" customHeight="1" x14ac:dyDescent="0.15">
      <c r="A58" s="38" t="s">
        <v>51</v>
      </c>
      <c r="B58" s="30">
        <v>143618</v>
      </c>
      <c r="C58" s="31">
        <v>4414</v>
      </c>
      <c r="D58" s="32">
        <v>174</v>
      </c>
      <c r="E58" s="33">
        <v>4588</v>
      </c>
      <c r="F58" s="32">
        <v>4359</v>
      </c>
      <c r="G58" s="32">
        <v>152</v>
      </c>
      <c r="H58" s="33">
        <v>4511</v>
      </c>
      <c r="I58" s="34">
        <v>8773</v>
      </c>
      <c r="J58" s="34">
        <v>326</v>
      </c>
      <c r="K58" s="35">
        <v>9099</v>
      </c>
      <c r="L58" s="32">
        <v>3603</v>
      </c>
      <c r="M58" s="32">
        <v>166</v>
      </c>
      <c r="N58" s="36">
        <v>20</v>
      </c>
      <c r="O58" s="37">
        <v>3789</v>
      </c>
    </row>
    <row r="59" spans="1:15" ht="24" customHeight="1" x14ac:dyDescent="0.15">
      <c r="A59" s="38" t="s">
        <v>52</v>
      </c>
      <c r="B59" s="30">
        <v>143626</v>
      </c>
      <c r="C59" s="31">
        <v>8517</v>
      </c>
      <c r="D59" s="32">
        <v>74</v>
      </c>
      <c r="E59" s="33">
        <v>8591</v>
      </c>
      <c r="F59" s="32">
        <v>8684</v>
      </c>
      <c r="G59" s="32">
        <v>76</v>
      </c>
      <c r="H59" s="33">
        <v>8760</v>
      </c>
      <c r="I59" s="34">
        <v>17201</v>
      </c>
      <c r="J59" s="34">
        <v>150</v>
      </c>
      <c r="K59" s="35">
        <v>17351</v>
      </c>
      <c r="L59" s="32">
        <v>7169</v>
      </c>
      <c r="M59" s="32">
        <v>82</v>
      </c>
      <c r="N59" s="36">
        <v>38</v>
      </c>
      <c r="O59" s="37">
        <v>7289</v>
      </c>
    </row>
    <row r="60" spans="1:15" ht="24" customHeight="1" x14ac:dyDescent="0.15">
      <c r="A60" s="38" t="s">
        <v>53</v>
      </c>
      <c r="B60" s="30">
        <v>143634</v>
      </c>
      <c r="C60" s="31">
        <v>5289</v>
      </c>
      <c r="D60" s="32">
        <v>31</v>
      </c>
      <c r="E60" s="33">
        <v>5320</v>
      </c>
      <c r="F60" s="32">
        <v>5382</v>
      </c>
      <c r="G60" s="32">
        <v>54</v>
      </c>
      <c r="H60" s="33">
        <v>5436</v>
      </c>
      <c r="I60" s="34">
        <v>10671</v>
      </c>
      <c r="J60" s="34">
        <v>85</v>
      </c>
      <c r="K60" s="35">
        <v>10756</v>
      </c>
      <c r="L60" s="32">
        <v>4798</v>
      </c>
      <c r="M60" s="32">
        <v>29</v>
      </c>
      <c r="N60" s="36">
        <v>39</v>
      </c>
      <c r="O60" s="37">
        <v>4866</v>
      </c>
    </row>
    <row r="61" spans="1:15" ht="24" customHeight="1" x14ac:dyDescent="0.15">
      <c r="A61" s="38" t="s">
        <v>54</v>
      </c>
      <c r="B61" s="30">
        <v>143642</v>
      </c>
      <c r="C61" s="31">
        <v>4761</v>
      </c>
      <c r="D61" s="32">
        <v>41</v>
      </c>
      <c r="E61" s="33">
        <v>4802</v>
      </c>
      <c r="F61" s="32">
        <v>4934</v>
      </c>
      <c r="G61" s="32">
        <v>47</v>
      </c>
      <c r="H61" s="33">
        <v>4981</v>
      </c>
      <c r="I61" s="34">
        <v>9695</v>
      </c>
      <c r="J61" s="34">
        <v>88</v>
      </c>
      <c r="K61" s="35">
        <v>9783</v>
      </c>
      <c r="L61" s="32">
        <v>4147</v>
      </c>
      <c r="M61" s="32">
        <v>59</v>
      </c>
      <c r="N61" s="36">
        <v>21</v>
      </c>
      <c r="O61" s="37">
        <v>4227</v>
      </c>
    </row>
    <row r="62" spans="1:15" ht="24" customHeight="1" x14ac:dyDescent="0.15">
      <c r="A62" s="38" t="s">
        <v>55</v>
      </c>
      <c r="B62" s="30">
        <v>143669</v>
      </c>
      <c r="C62" s="31">
        <v>8936</v>
      </c>
      <c r="D62" s="32">
        <v>71</v>
      </c>
      <c r="E62" s="33">
        <v>9007</v>
      </c>
      <c r="F62" s="32">
        <v>9295</v>
      </c>
      <c r="G62" s="32">
        <v>84</v>
      </c>
      <c r="H62" s="33">
        <v>9379</v>
      </c>
      <c r="I62" s="34">
        <v>18231</v>
      </c>
      <c r="J62" s="34">
        <v>155</v>
      </c>
      <c r="K62" s="35">
        <v>18386</v>
      </c>
      <c r="L62" s="32">
        <v>7372</v>
      </c>
      <c r="M62" s="32">
        <v>60</v>
      </c>
      <c r="N62" s="36">
        <v>47</v>
      </c>
      <c r="O62" s="37">
        <v>7479</v>
      </c>
    </row>
    <row r="63" spans="1:15" ht="24" customHeight="1" x14ac:dyDescent="0.15">
      <c r="A63" s="38" t="s">
        <v>56</v>
      </c>
      <c r="B63" s="30">
        <v>143821</v>
      </c>
      <c r="C63" s="31">
        <v>5050</v>
      </c>
      <c r="D63" s="32">
        <v>249</v>
      </c>
      <c r="E63" s="33">
        <v>5299</v>
      </c>
      <c r="F63" s="32">
        <v>5434</v>
      </c>
      <c r="G63" s="32">
        <v>299</v>
      </c>
      <c r="H63" s="33">
        <v>5733</v>
      </c>
      <c r="I63" s="34">
        <v>10484</v>
      </c>
      <c r="J63" s="34">
        <v>548</v>
      </c>
      <c r="K63" s="35">
        <v>11032</v>
      </c>
      <c r="L63" s="32">
        <v>6237</v>
      </c>
      <c r="M63" s="32">
        <v>446</v>
      </c>
      <c r="N63" s="36">
        <v>42</v>
      </c>
      <c r="O63" s="37">
        <v>6725</v>
      </c>
    </row>
    <row r="64" spans="1:15" ht="24" customHeight="1" x14ac:dyDescent="0.15">
      <c r="A64" s="38" t="s">
        <v>57</v>
      </c>
      <c r="B64" s="30">
        <v>143839</v>
      </c>
      <c r="C64" s="31">
        <v>3226</v>
      </c>
      <c r="D64" s="32">
        <v>26</v>
      </c>
      <c r="E64" s="33">
        <v>3252</v>
      </c>
      <c r="F64" s="32">
        <v>3690</v>
      </c>
      <c r="G64" s="32">
        <v>42</v>
      </c>
      <c r="H64" s="33">
        <v>3732</v>
      </c>
      <c r="I64" s="34">
        <v>6916</v>
      </c>
      <c r="J64" s="34">
        <v>68</v>
      </c>
      <c r="K64" s="35">
        <v>6984</v>
      </c>
      <c r="L64" s="32">
        <v>3355</v>
      </c>
      <c r="M64" s="32">
        <v>21</v>
      </c>
      <c r="N64" s="36">
        <v>33</v>
      </c>
      <c r="O64" s="37">
        <v>3409</v>
      </c>
    </row>
    <row r="65" spans="1:15" ht="24" customHeight="1" x14ac:dyDescent="0.15">
      <c r="A65" s="38" t="s">
        <v>58</v>
      </c>
      <c r="B65" s="30">
        <v>143847</v>
      </c>
      <c r="C65" s="31">
        <v>11256</v>
      </c>
      <c r="D65" s="32">
        <v>128</v>
      </c>
      <c r="E65" s="33">
        <v>11384</v>
      </c>
      <c r="F65" s="32">
        <v>12548</v>
      </c>
      <c r="G65" s="32">
        <v>219</v>
      </c>
      <c r="H65" s="33">
        <v>12767</v>
      </c>
      <c r="I65" s="34">
        <v>23804</v>
      </c>
      <c r="J65" s="34">
        <v>347</v>
      </c>
      <c r="K65" s="35">
        <v>24151</v>
      </c>
      <c r="L65" s="32">
        <v>12541</v>
      </c>
      <c r="M65" s="32">
        <v>180</v>
      </c>
      <c r="N65" s="36">
        <v>96</v>
      </c>
      <c r="O65" s="37">
        <v>12817</v>
      </c>
    </row>
    <row r="66" spans="1:15" ht="24" customHeight="1" x14ac:dyDescent="0.15">
      <c r="A66" s="38" t="s">
        <v>59</v>
      </c>
      <c r="B66" s="30">
        <v>144011</v>
      </c>
      <c r="C66" s="31">
        <v>19144</v>
      </c>
      <c r="D66" s="32">
        <v>1616</v>
      </c>
      <c r="E66" s="33">
        <v>20760</v>
      </c>
      <c r="F66" s="32">
        <v>17576</v>
      </c>
      <c r="G66" s="32">
        <v>1354</v>
      </c>
      <c r="H66" s="33">
        <v>18930</v>
      </c>
      <c r="I66" s="34">
        <v>36720</v>
      </c>
      <c r="J66" s="34">
        <v>2970</v>
      </c>
      <c r="K66" s="35">
        <v>39690</v>
      </c>
      <c r="L66" s="32">
        <v>16820</v>
      </c>
      <c r="M66" s="32">
        <v>1508</v>
      </c>
      <c r="N66" s="36">
        <v>305</v>
      </c>
      <c r="O66" s="37">
        <v>18633</v>
      </c>
    </row>
    <row r="67" spans="1:15" ht="24" customHeight="1" thickBot="1" x14ac:dyDescent="0.2">
      <c r="A67" s="51" t="s">
        <v>60</v>
      </c>
      <c r="B67" s="52">
        <v>144029</v>
      </c>
      <c r="C67" s="53">
        <v>1437</v>
      </c>
      <c r="D67" s="54">
        <v>22</v>
      </c>
      <c r="E67" s="55">
        <v>1459</v>
      </c>
      <c r="F67" s="54">
        <v>1378</v>
      </c>
      <c r="G67" s="54">
        <v>23</v>
      </c>
      <c r="H67" s="55">
        <v>1401</v>
      </c>
      <c r="I67" s="56">
        <v>2815</v>
      </c>
      <c r="J67" s="56">
        <v>45</v>
      </c>
      <c r="K67" s="57">
        <v>2860</v>
      </c>
      <c r="L67" s="54">
        <v>1230</v>
      </c>
      <c r="M67" s="54">
        <v>23</v>
      </c>
      <c r="N67" s="58">
        <v>9</v>
      </c>
      <c r="O67" s="59">
        <v>1262</v>
      </c>
    </row>
    <row r="68" spans="1:15" ht="24" customHeight="1" x14ac:dyDescent="0.15">
      <c r="A68" s="3" t="s">
        <v>73</v>
      </c>
    </row>
  </sheetData>
  <mergeCells count="6">
    <mergeCell ref="B4:B5"/>
    <mergeCell ref="C3:K3"/>
    <mergeCell ref="L3:O3"/>
    <mergeCell ref="C4:E4"/>
    <mergeCell ref="F4:H4"/>
    <mergeCell ref="I4:K4"/>
  </mergeCells>
  <phoneticPr fontId="2"/>
  <conditionalFormatting sqref="C27:D33">
    <cfRule type="expression" dxfId="74" priority="71" stopIfTrue="1">
      <formula>ISBLANK(C27)=TRUE</formula>
    </cfRule>
    <cfRule type="expression" dxfId="73" priority="72" stopIfTrue="1">
      <formula>BK27="×"</formula>
    </cfRule>
    <cfRule type="expression" dxfId="72" priority="73" stopIfTrue="1">
      <formula>BK27="××"</formula>
    </cfRule>
    <cfRule type="expression" dxfId="71" priority="74" stopIfTrue="1">
      <formula>BK27="×××"</formula>
    </cfRule>
    <cfRule type="expression" dxfId="70" priority="75" stopIfTrue="1">
      <formula>ISBLANK(C27)=FALSE</formula>
    </cfRule>
  </conditionalFormatting>
  <conditionalFormatting sqref="F27:G33">
    <cfRule type="expression" dxfId="69" priority="66" stopIfTrue="1">
      <formula>ISBLANK(F27)=TRUE</formula>
    </cfRule>
    <cfRule type="expression" dxfId="68" priority="67" stopIfTrue="1">
      <formula>BN27="×"</formula>
    </cfRule>
    <cfRule type="expression" dxfId="67" priority="68" stopIfTrue="1">
      <formula>BN27="××"</formula>
    </cfRule>
    <cfRule type="expression" dxfId="66" priority="69" stopIfTrue="1">
      <formula>BN27="×××"</formula>
    </cfRule>
    <cfRule type="expression" dxfId="65" priority="70" stopIfTrue="1">
      <formula>ISBLANK(F27)=FALSE</formula>
    </cfRule>
  </conditionalFormatting>
  <conditionalFormatting sqref="L27:N33">
    <cfRule type="expression" dxfId="64" priority="61" stopIfTrue="1">
      <formula>ISBLANK(L27)=TRUE</formula>
    </cfRule>
    <cfRule type="expression" dxfId="63" priority="62" stopIfTrue="1">
      <formula>BT27="×"</formula>
    </cfRule>
    <cfRule type="expression" dxfId="62" priority="63" stopIfTrue="1">
      <formula>BT27="××"</formula>
    </cfRule>
    <cfRule type="expression" dxfId="61" priority="64" stopIfTrue="1">
      <formula>BT27="×××"</formula>
    </cfRule>
    <cfRule type="expression" dxfId="60" priority="65" stopIfTrue="1">
      <formula>ISBLANK(L27)=FALSE</formula>
    </cfRule>
  </conditionalFormatting>
  <conditionalFormatting sqref="C35:D37">
    <cfRule type="expression" dxfId="59" priority="56" stopIfTrue="1">
      <formula>ISBLANK(C35)=TRUE</formula>
    </cfRule>
    <cfRule type="expression" dxfId="58" priority="57" stopIfTrue="1">
      <formula>BK35="×"</formula>
    </cfRule>
    <cfRule type="expression" dxfId="57" priority="58" stopIfTrue="1">
      <formula>BK35="××"</formula>
    </cfRule>
    <cfRule type="expression" dxfId="56" priority="59" stopIfTrue="1">
      <formula>BK35="×××"</formula>
    </cfRule>
    <cfRule type="expression" dxfId="55" priority="60" stopIfTrue="1">
      <formula>ISBLANK(C35)=FALSE</formula>
    </cfRule>
  </conditionalFormatting>
  <conditionalFormatting sqref="F35:G37">
    <cfRule type="expression" dxfId="54" priority="51" stopIfTrue="1">
      <formula>ISBLANK(F35)=TRUE</formula>
    </cfRule>
    <cfRule type="expression" dxfId="53" priority="52" stopIfTrue="1">
      <formula>BN35="×"</formula>
    </cfRule>
    <cfRule type="expression" dxfId="52" priority="53" stopIfTrue="1">
      <formula>BN35="××"</formula>
    </cfRule>
    <cfRule type="expression" dxfId="51" priority="54" stopIfTrue="1">
      <formula>BN35="×××"</formula>
    </cfRule>
    <cfRule type="expression" dxfId="50" priority="55" stopIfTrue="1">
      <formula>ISBLANK(F35)=FALSE</formula>
    </cfRule>
  </conditionalFormatting>
  <conditionalFormatting sqref="L35:N37">
    <cfRule type="expression" dxfId="49" priority="46" stopIfTrue="1">
      <formula>ISBLANK(L35)=TRUE</formula>
    </cfRule>
    <cfRule type="expression" dxfId="48" priority="47" stopIfTrue="1">
      <formula>BT35="×"</formula>
    </cfRule>
    <cfRule type="expression" dxfId="47" priority="48" stopIfTrue="1">
      <formula>BT35="××"</formula>
    </cfRule>
    <cfRule type="expression" dxfId="46" priority="49" stopIfTrue="1">
      <formula>BT35="×××"</formula>
    </cfRule>
    <cfRule type="expression" dxfId="45" priority="50" stopIfTrue="1">
      <formula>ISBLANK(L35)=FALSE</formula>
    </cfRule>
  </conditionalFormatting>
  <conditionalFormatting sqref="C38:D38">
    <cfRule type="expression" dxfId="44" priority="41" stopIfTrue="1">
      <formula>ISBLANK(C38)=TRUE</formula>
    </cfRule>
    <cfRule type="expression" dxfId="43" priority="42" stopIfTrue="1">
      <formula>BK38="×"</formula>
    </cfRule>
    <cfRule type="expression" dxfId="42" priority="43" stopIfTrue="1">
      <formula>BK38="××"</formula>
    </cfRule>
    <cfRule type="expression" dxfId="41" priority="44" stopIfTrue="1">
      <formula>BK38="×××"</formula>
    </cfRule>
    <cfRule type="expression" dxfId="40" priority="45" stopIfTrue="1">
      <formula>ISBLANK(C38)=FALSE</formula>
    </cfRule>
  </conditionalFormatting>
  <conditionalFormatting sqref="F38:G38">
    <cfRule type="expression" dxfId="39" priority="36" stopIfTrue="1">
      <formula>ISBLANK(F38)=TRUE</formula>
    </cfRule>
    <cfRule type="expression" dxfId="38" priority="37" stopIfTrue="1">
      <formula>BN38="×"</formula>
    </cfRule>
    <cfRule type="expression" dxfId="37" priority="38" stopIfTrue="1">
      <formula>BN38="××"</formula>
    </cfRule>
    <cfRule type="expression" dxfId="36" priority="39" stopIfTrue="1">
      <formula>BN38="×××"</formula>
    </cfRule>
    <cfRule type="expression" dxfId="35" priority="40" stopIfTrue="1">
      <formula>ISBLANK(F38)=FALSE</formula>
    </cfRule>
  </conditionalFormatting>
  <conditionalFormatting sqref="L38:N38">
    <cfRule type="expression" dxfId="34" priority="31" stopIfTrue="1">
      <formula>ISBLANK(L38)=TRUE</formula>
    </cfRule>
    <cfRule type="expression" dxfId="33" priority="32" stopIfTrue="1">
      <formula>BT38="×"</formula>
    </cfRule>
    <cfRule type="expression" dxfId="32" priority="33" stopIfTrue="1">
      <formula>BT38="××"</formula>
    </cfRule>
    <cfRule type="expression" dxfId="31" priority="34" stopIfTrue="1">
      <formula>BT38="×××"</formula>
    </cfRule>
    <cfRule type="expression" dxfId="30" priority="35" stopIfTrue="1">
      <formula>ISBLANK(L38)=FALSE</formula>
    </cfRule>
  </conditionalFormatting>
  <conditionalFormatting sqref="C39:D39">
    <cfRule type="expression" dxfId="29" priority="26" stopIfTrue="1">
      <formula>ISBLANK(C39)=TRUE</formula>
    </cfRule>
    <cfRule type="expression" dxfId="28" priority="27" stopIfTrue="1">
      <formula>BK39="×"</formula>
    </cfRule>
    <cfRule type="expression" dxfId="27" priority="28" stopIfTrue="1">
      <formula>BK39="××"</formula>
    </cfRule>
    <cfRule type="expression" dxfId="26" priority="29" stopIfTrue="1">
      <formula>BK39="×××"</formula>
    </cfRule>
    <cfRule type="expression" dxfId="25" priority="30" stopIfTrue="1">
      <formula>ISBLANK(C39)=FALSE</formula>
    </cfRule>
  </conditionalFormatting>
  <conditionalFormatting sqref="F39:G39">
    <cfRule type="expression" dxfId="24" priority="21" stopIfTrue="1">
      <formula>ISBLANK(F39)=TRUE</formula>
    </cfRule>
    <cfRule type="expression" dxfId="23" priority="22" stopIfTrue="1">
      <formula>BN39="×"</formula>
    </cfRule>
    <cfRule type="expression" dxfId="22" priority="23" stopIfTrue="1">
      <formula>BN39="××"</formula>
    </cfRule>
    <cfRule type="expression" dxfId="21" priority="24" stopIfTrue="1">
      <formula>BN39="×××"</formula>
    </cfRule>
    <cfRule type="expression" dxfId="20" priority="25" stopIfTrue="1">
      <formula>ISBLANK(F39)=FALSE</formula>
    </cfRule>
  </conditionalFormatting>
  <conditionalFormatting sqref="L39:N39">
    <cfRule type="expression" dxfId="19" priority="16" stopIfTrue="1">
      <formula>ISBLANK(L39)=TRUE</formula>
    </cfRule>
    <cfRule type="expression" dxfId="18" priority="17" stopIfTrue="1">
      <formula>BT39="×"</formula>
    </cfRule>
    <cfRule type="expression" dxfId="17" priority="18" stopIfTrue="1">
      <formula>BT39="××"</formula>
    </cfRule>
    <cfRule type="expression" dxfId="16" priority="19" stopIfTrue="1">
      <formula>BT39="×××"</formula>
    </cfRule>
    <cfRule type="expression" dxfId="15" priority="20" stopIfTrue="1">
      <formula>ISBLANK(L39)=FALSE</formula>
    </cfRule>
  </conditionalFormatting>
  <conditionalFormatting sqref="C40:D40">
    <cfRule type="expression" dxfId="14" priority="11" stopIfTrue="1">
      <formula>ISBLANK(C40)=TRUE</formula>
    </cfRule>
    <cfRule type="expression" dxfId="13" priority="12" stopIfTrue="1">
      <formula>BK40="×"</formula>
    </cfRule>
    <cfRule type="expression" dxfId="12" priority="13" stopIfTrue="1">
      <formula>BK40="××"</formula>
    </cfRule>
    <cfRule type="expression" dxfId="11" priority="14" stopIfTrue="1">
      <formula>BK40="×××"</formula>
    </cfRule>
    <cfRule type="expression" dxfId="10" priority="15" stopIfTrue="1">
      <formula>ISBLANK(C40)=FALSE</formula>
    </cfRule>
  </conditionalFormatting>
  <conditionalFormatting sqref="F40:G40">
    <cfRule type="expression" dxfId="9" priority="6" stopIfTrue="1">
      <formula>ISBLANK(F40)=TRUE</formula>
    </cfRule>
    <cfRule type="expression" dxfId="8" priority="7" stopIfTrue="1">
      <formula>BN40="×"</formula>
    </cfRule>
    <cfRule type="expression" dxfId="7" priority="8" stopIfTrue="1">
      <formula>BN40="××"</formula>
    </cfRule>
    <cfRule type="expression" dxfId="6" priority="9" stopIfTrue="1">
      <formula>BN40="×××"</formula>
    </cfRule>
    <cfRule type="expression" dxfId="5" priority="10" stopIfTrue="1">
      <formula>ISBLANK(F40)=FALSE</formula>
    </cfRule>
  </conditionalFormatting>
  <conditionalFormatting sqref="L40:N40">
    <cfRule type="expression" dxfId="4" priority="1" stopIfTrue="1">
      <formula>ISBLANK(L40)=TRUE</formula>
    </cfRule>
    <cfRule type="expression" dxfId="3" priority="2" stopIfTrue="1">
      <formula>BT40="×"</formula>
    </cfRule>
    <cfRule type="expression" dxfId="2" priority="3" stopIfTrue="1">
      <formula>BT40="××"</formula>
    </cfRule>
    <cfRule type="expression" dxfId="1" priority="4" stopIfTrue="1">
      <formula>BT40="×××"</formula>
    </cfRule>
    <cfRule type="expression" dxfId="0" priority="5" stopIfTrue="1">
      <formula>ISBLANK(L40)=FALSE</formula>
    </cfRule>
  </conditionalFormatting>
  <pageMargins left="0.78740157480314965" right="0.59055118110236227" top="0.55118110236220474" bottom="0.55118110236220474" header="0.31496062992125984" footer="0.31496062992125984"/>
  <pageSetup paperSize="9" scale="5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Ryo OTANI</cp:lastModifiedBy>
  <cp:lastPrinted>2021-03-03T08:40:35Z</cp:lastPrinted>
  <dcterms:created xsi:type="dcterms:W3CDTF">2020-02-28T01:24:12Z</dcterms:created>
  <dcterms:modified xsi:type="dcterms:W3CDTF">2022-08-04T23:24:25Z</dcterms:modified>
</cp:coreProperties>
</file>